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産業・経済" sheetId="1" r:id="rId1"/>
  </sheets>
  <definedNames>
    <definedName name="_xlnm.Print_Area" localSheetId="0">産業・経済!$A$1:$AH$493</definedName>
    <definedName name="Z_8ECCF71E_264E_4EAC_AFE1_DAB4671B9E31_.wvu.PrintArea" localSheetId="0" hidden="1">産業・経済!$A$1:$AH$493</definedName>
  </definedNames>
  <calcPr calcId="191029"/>
  <customWorkbookViews>
    <customWorkbookView name="972 - 個人用ビュー" guid="{8ECCF71E-264E-4EAC-AFE1-DAB4671B9E31}" mergeInterval="0" personalView="1" maximized="1" windowWidth="1020" windowHeight="579" activeSheetId="1" showComments="commNone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D11" i="1" l="1"/>
  <c r="AD12" i="1"/>
  <c r="AD13" i="1"/>
  <c r="AD26" i="1"/>
  <c r="AD25" i="1"/>
  <c r="AD8" i="1"/>
  <c r="AD24" i="1" l="1"/>
  <c r="AD23" i="1"/>
  <c r="AD22" i="1"/>
  <c r="AD21" i="1"/>
  <c r="AD20" i="1"/>
  <c r="AD19" i="1"/>
  <c r="AD18" i="1"/>
  <c r="AD17" i="1"/>
  <c r="AD16" i="1"/>
  <c r="AD15" i="1"/>
  <c r="AD14" i="1"/>
  <c r="AD9" i="1"/>
</calcChain>
</file>

<file path=xl/sharedStrings.xml><?xml version="1.0" encoding="utf-8"?>
<sst xmlns="http://schemas.openxmlformats.org/spreadsheetml/2006/main" count="1079" uniqueCount="466">
  <si>
    <t>繁　殖</t>
    <rPh sb="0" eb="3">
      <t>ハンショク</t>
    </rPh>
    <phoneticPr fontId="2"/>
  </si>
  <si>
    <t>種　鶏</t>
    <rPh sb="0" eb="1">
      <t>タネ</t>
    </rPh>
    <rPh sb="2" eb="3">
      <t>トリ</t>
    </rPh>
    <phoneticPr fontId="2"/>
  </si>
  <si>
    <t>採卵鶏</t>
    <rPh sb="0" eb="1">
      <t>ト</t>
    </rPh>
    <rPh sb="1" eb="2">
      <t>タマゴ</t>
    </rPh>
    <rPh sb="2" eb="3">
      <t>トリ</t>
    </rPh>
    <phoneticPr fontId="2"/>
  </si>
  <si>
    <t>（頭）</t>
    <rPh sb="1" eb="2">
      <t>トウ</t>
    </rPh>
    <phoneticPr fontId="2"/>
  </si>
  <si>
    <t>（羽）</t>
    <rPh sb="1" eb="2">
      <t>ハネ</t>
    </rPh>
    <phoneticPr fontId="2"/>
  </si>
  <si>
    <t>　販　　売　　金　　額</t>
    <rPh sb="1" eb="5">
      <t>ハンバイ</t>
    </rPh>
    <rPh sb="7" eb="11">
      <t>キンガク</t>
    </rPh>
    <phoneticPr fontId="2"/>
  </si>
  <si>
    <t>野菜類</t>
    <rPh sb="0" eb="3">
      <t>ヤサイルイ</t>
    </rPh>
    <phoneticPr fontId="2"/>
  </si>
  <si>
    <t>花き･花木</t>
    <rPh sb="0" eb="1">
      <t>ハナ</t>
    </rPh>
    <rPh sb="3" eb="4">
      <t>ハナ</t>
    </rPh>
    <rPh sb="4" eb="5">
      <t>キ</t>
    </rPh>
    <phoneticPr fontId="2"/>
  </si>
  <si>
    <t>単位：ａ</t>
    <rPh sb="0" eb="2">
      <t>タンイ</t>
    </rPh>
    <phoneticPr fontId="2"/>
  </si>
  <si>
    <t>花き類・花木</t>
    <rPh sb="0" eb="1">
      <t>ハナ</t>
    </rPh>
    <rPh sb="2" eb="3">
      <t>ルイ</t>
    </rPh>
    <rPh sb="4" eb="5">
      <t>ハナ</t>
    </rPh>
    <rPh sb="5" eb="6">
      <t>キ</t>
    </rPh>
    <phoneticPr fontId="2"/>
  </si>
  <si>
    <t>種苗・　　　苗木類</t>
    <rPh sb="0" eb="1">
      <t>タネ</t>
    </rPh>
    <rPh sb="1" eb="2">
      <t>ナエ</t>
    </rPh>
    <rPh sb="6" eb="7">
      <t>ナエ</t>
    </rPh>
    <rPh sb="7" eb="8">
      <t>キ</t>
    </rPh>
    <rPh sb="8" eb="9">
      <t>ルイ</t>
    </rPh>
    <phoneticPr fontId="2"/>
  </si>
  <si>
    <t>その他     の作物</t>
    <rPh sb="0" eb="3">
      <t>ソノタ</t>
    </rPh>
    <rPh sb="9" eb="11">
      <t>サクモツ</t>
    </rPh>
    <phoneticPr fontId="2"/>
  </si>
  <si>
    <t>（群）</t>
    <rPh sb="1" eb="2">
      <t>グン</t>
    </rPh>
    <phoneticPr fontId="2"/>
  </si>
  <si>
    <t>単位：台</t>
    <rPh sb="0" eb="2">
      <t>タンイ</t>
    </rPh>
    <rPh sb="3" eb="4">
      <t>ダイ</t>
    </rPh>
    <phoneticPr fontId="2"/>
  </si>
  <si>
    <t>動　力　　　　　　　　　防除機</t>
    <rPh sb="0" eb="3">
      <t>ドウリョク</t>
    </rPh>
    <rPh sb="12" eb="14">
      <t>ボウジョ</t>
    </rPh>
    <rPh sb="14" eb="15">
      <t>キ</t>
    </rPh>
    <phoneticPr fontId="2"/>
  </si>
  <si>
    <t>動　力　　　　　　　　　田植機</t>
    <rPh sb="0" eb="3">
      <t>ドウリョク</t>
    </rPh>
    <rPh sb="12" eb="14">
      <t>タウ</t>
    </rPh>
    <rPh sb="14" eb="15">
      <t>キ</t>
    </rPh>
    <phoneticPr fontId="2"/>
  </si>
  <si>
    <t>米麦用　   　乾燥機</t>
    <rPh sb="0" eb="1">
      <t>コメ</t>
    </rPh>
    <rPh sb="1" eb="2">
      <t>ムギ</t>
    </rPh>
    <rPh sb="2" eb="3">
      <t>ヨウ</t>
    </rPh>
    <rPh sb="8" eb="11">
      <t>カンソウキ</t>
    </rPh>
    <phoneticPr fontId="2"/>
  </si>
  <si>
    <t>作付面積</t>
    <rPh sb="0" eb="2">
      <t>サクツ</t>
    </rPh>
    <rPh sb="2" eb="4">
      <t>メンセキ</t>
    </rPh>
    <phoneticPr fontId="2"/>
  </si>
  <si>
    <t>単位：件、ａ</t>
    <rPh sb="0" eb="2">
      <t>タンイ</t>
    </rPh>
    <rPh sb="3" eb="4">
      <t>ケン</t>
    </rPh>
    <phoneticPr fontId="2"/>
  </si>
  <si>
    <t>資料：農業委員会</t>
    <rPh sb="0" eb="2">
      <t>シリョウ</t>
    </rPh>
    <rPh sb="3" eb="5">
      <t>ノウギョウ</t>
    </rPh>
    <rPh sb="5" eb="8">
      <t>イインカイ</t>
    </rPh>
    <phoneticPr fontId="2"/>
  </si>
  <si>
    <t>単位：戸、ａ</t>
    <rPh sb="0" eb="2">
      <t>タンイ</t>
    </rPh>
    <rPh sb="3" eb="4">
      <t>ト</t>
    </rPh>
    <phoneticPr fontId="2"/>
  </si>
  <si>
    <t>（各年１０月３１日現在調）</t>
    <rPh sb="1" eb="3">
      <t>カクネン</t>
    </rPh>
    <rPh sb="5" eb="6">
      <t>ガツ</t>
    </rPh>
    <rPh sb="8" eb="9">
      <t>ニチ</t>
    </rPh>
    <phoneticPr fontId="2"/>
  </si>
  <si>
    <t>単位：ha</t>
    <rPh sb="0" eb="2">
      <t>タンイ</t>
    </rPh>
    <phoneticPr fontId="2"/>
  </si>
  <si>
    <t>資料：農政課</t>
    <rPh sb="0" eb="2">
      <t>シリョウ</t>
    </rPh>
    <rPh sb="3" eb="6">
      <t>ノウセイカ</t>
    </rPh>
    <phoneticPr fontId="2"/>
  </si>
  <si>
    <t>単位：kg</t>
    <rPh sb="0" eb="2">
      <t>タンイ</t>
    </rPh>
    <phoneticPr fontId="2"/>
  </si>
  <si>
    <t>単位：点</t>
    <rPh sb="0" eb="2">
      <t>タンイ</t>
    </rPh>
    <rPh sb="3" eb="4">
      <t>テン</t>
    </rPh>
    <phoneticPr fontId="2"/>
  </si>
  <si>
    <t>（１）組合員数</t>
    <rPh sb="3" eb="6">
      <t>クミアイイン</t>
    </rPh>
    <rPh sb="6" eb="7">
      <t>スウ</t>
    </rPh>
    <phoneticPr fontId="2"/>
  </si>
  <si>
    <t>（２）出資金</t>
    <rPh sb="3" eb="6">
      <t>シュッシキン</t>
    </rPh>
    <phoneticPr fontId="2"/>
  </si>
  <si>
    <t>（３）役職員数</t>
    <rPh sb="3" eb="5">
      <t>ヤクショク</t>
    </rPh>
    <rPh sb="5" eb="7">
      <t>インスウ</t>
    </rPh>
    <phoneticPr fontId="2"/>
  </si>
  <si>
    <t>単位：人</t>
    <rPh sb="0" eb="2">
      <t>タンイ</t>
    </rPh>
    <rPh sb="3" eb="4">
      <t>ヒト</t>
    </rPh>
    <phoneticPr fontId="2"/>
  </si>
  <si>
    <t>〔　林　業　〕</t>
    <rPh sb="2" eb="5">
      <t>リンギョウ</t>
    </rPh>
    <phoneticPr fontId="2"/>
  </si>
  <si>
    <t>単位：ha、％</t>
    <rPh sb="0" eb="2">
      <t>タンイ</t>
    </rPh>
    <phoneticPr fontId="2"/>
  </si>
  <si>
    <t>〔　金　融　〕</t>
    <rPh sb="2" eb="5">
      <t>キンユウ</t>
    </rPh>
    <phoneticPr fontId="2"/>
  </si>
  <si>
    <t>資料：出納室</t>
    <rPh sb="0" eb="2">
      <t>シリョウ</t>
    </rPh>
    <rPh sb="3" eb="6">
      <t>スイトウシツ</t>
    </rPh>
    <phoneticPr fontId="2"/>
  </si>
  <si>
    <t>露地野菜</t>
  </si>
  <si>
    <t>施設野菜</t>
  </si>
  <si>
    <t>〔　事業所　〕</t>
    <rPh sb="2" eb="5">
      <t>ジギョウショ</t>
    </rPh>
    <phoneticPr fontId="2"/>
  </si>
  <si>
    <t>単位：所、人</t>
    <rPh sb="0" eb="2">
      <t>タンイ</t>
    </rPh>
    <rPh sb="3" eb="4">
      <t>ショ</t>
    </rPh>
    <rPh sb="5" eb="6">
      <t>ニン</t>
    </rPh>
    <phoneticPr fontId="2"/>
  </si>
  <si>
    <t>区分</t>
    <rPh sb="0" eb="2">
      <t>クブン</t>
    </rPh>
    <phoneticPr fontId="2"/>
  </si>
  <si>
    <t>事業所数</t>
    <rPh sb="0" eb="3">
      <t>ジギョウショ</t>
    </rPh>
    <rPh sb="3" eb="4">
      <t>スウ</t>
    </rPh>
    <phoneticPr fontId="2"/>
  </si>
  <si>
    <t>従業者数</t>
    <rPh sb="0" eb="1">
      <t>ジュウ</t>
    </rPh>
    <rPh sb="1" eb="4">
      <t>ギョウシャスウ</t>
    </rPh>
    <phoneticPr fontId="2"/>
  </si>
  <si>
    <t>産業分類</t>
    <rPh sb="0" eb="2">
      <t>サンギョウ</t>
    </rPh>
    <rPh sb="2" eb="4">
      <t>ブンルイ</t>
    </rPh>
    <phoneticPr fontId="2"/>
  </si>
  <si>
    <r>
      <t>２．産業大分類別</t>
    </r>
    <r>
      <rPr>
        <b/>
        <sz val="12"/>
        <rFont val="ＭＳ Ｐ明朝"/>
        <family val="1"/>
        <charset val="128"/>
      </rPr>
      <t>・</t>
    </r>
    <r>
      <rPr>
        <b/>
        <sz val="12"/>
        <rFont val="ＭＳ Ｐゴシック"/>
        <family val="3"/>
        <charset val="128"/>
      </rPr>
      <t>従業者規模別事業所数及び従業者数</t>
    </r>
    <rPh sb="2" eb="4">
      <t>サンギョウ</t>
    </rPh>
    <rPh sb="4" eb="7">
      <t>ダイブンルイ</t>
    </rPh>
    <rPh sb="7" eb="8">
      <t>ベツ</t>
    </rPh>
    <rPh sb="9" eb="11">
      <t>ジュウギョウ</t>
    </rPh>
    <rPh sb="11" eb="12">
      <t>シャ</t>
    </rPh>
    <rPh sb="12" eb="14">
      <t>キボ</t>
    </rPh>
    <rPh sb="14" eb="15">
      <t>ベツ</t>
    </rPh>
    <rPh sb="15" eb="18">
      <t>ジギョウショ</t>
    </rPh>
    <rPh sb="18" eb="19">
      <t>スウ</t>
    </rPh>
    <rPh sb="19" eb="20">
      <t>オヨ</t>
    </rPh>
    <rPh sb="21" eb="24">
      <t>ジュウギョウシャ</t>
    </rPh>
    <rPh sb="24" eb="25">
      <t>スウ</t>
    </rPh>
    <phoneticPr fontId="2"/>
  </si>
  <si>
    <t>（１）事業所数</t>
    <rPh sb="3" eb="6">
      <t>ジギョウショ</t>
    </rPh>
    <rPh sb="6" eb="7">
      <t>スウ</t>
    </rPh>
    <phoneticPr fontId="2"/>
  </si>
  <si>
    <t>単位：所</t>
    <rPh sb="0" eb="2">
      <t>タンイ</t>
    </rPh>
    <rPh sb="3" eb="4">
      <t>ショ</t>
    </rPh>
    <phoneticPr fontId="2"/>
  </si>
  <si>
    <t>総　数</t>
    <rPh sb="0" eb="3">
      <t>ソウスウ</t>
    </rPh>
    <phoneticPr fontId="2"/>
  </si>
  <si>
    <t>1～4人</t>
    <rPh sb="3" eb="4">
      <t>ニン</t>
    </rPh>
    <phoneticPr fontId="2"/>
  </si>
  <si>
    <t>5～9人</t>
    <rPh sb="3" eb="4">
      <t>ニン</t>
    </rPh>
    <phoneticPr fontId="2"/>
  </si>
  <si>
    <t>10～19人</t>
    <rPh sb="5" eb="6">
      <t>ニン</t>
    </rPh>
    <phoneticPr fontId="2"/>
  </si>
  <si>
    <t>20～29人</t>
    <rPh sb="5" eb="6">
      <t>ニン</t>
    </rPh>
    <phoneticPr fontId="2"/>
  </si>
  <si>
    <t>総数</t>
    <rPh sb="0" eb="2">
      <t>ソウスウ</t>
    </rPh>
    <phoneticPr fontId="2"/>
  </si>
  <si>
    <t>（２）従業者数</t>
    <rPh sb="3" eb="4">
      <t>ジュウ</t>
    </rPh>
    <rPh sb="4" eb="7">
      <t>ギョウシャスウ</t>
    </rPh>
    <phoneticPr fontId="2"/>
  </si>
  <si>
    <t>単位：人</t>
    <rPh sb="0" eb="2">
      <t>タンイ</t>
    </rPh>
    <rPh sb="3" eb="4">
      <t>ニン</t>
    </rPh>
    <phoneticPr fontId="2"/>
  </si>
  <si>
    <t>〔　工　業　〕</t>
    <rPh sb="2" eb="5">
      <t>コウギョウ</t>
    </rPh>
    <phoneticPr fontId="2"/>
  </si>
  <si>
    <t>３．工業の推移</t>
    <rPh sb="2" eb="4">
      <t>コウジョウ</t>
    </rPh>
    <rPh sb="5" eb="7">
      <t>スイイ</t>
    </rPh>
    <phoneticPr fontId="2"/>
  </si>
  <si>
    <t>単位：所、人、万円</t>
    <rPh sb="0" eb="2">
      <t>タンイ</t>
    </rPh>
    <rPh sb="3" eb="4">
      <t>ショ</t>
    </rPh>
    <rPh sb="5" eb="6">
      <t>ニン</t>
    </rPh>
    <rPh sb="7" eb="9">
      <t>マンエン</t>
    </rPh>
    <phoneticPr fontId="2"/>
  </si>
  <si>
    <t>区　分</t>
    <rPh sb="0" eb="3">
      <t>クブン</t>
    </rPh>
    <phoneticPr fontId="2"/>
  </si>
  <si>
    <t>常用労働者計</t>
    <rPh sb="0" eb="2">
      <t>ジョウヨウ</t>
    </rPh>
    <rPh sb="2" eb="4">
      <t>ロウドウシャ</t>
    </rPh>
    <rPh sb="4" eb="5">
      <t>シャ</t>
    </rPh>
    <rPh sb="5" eb="6">
      <t>ケイ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現金給与総額</t>
    <rPh sb="0" eb="2">
      <t>ゲンキン</t>
    </rPh>
    <rPh sb="2" eb="4">
      <t>キュウヨ</t>
    </rPh>
    <rPh sb="4" eb="6">
      <t>ソウガク</t>
    </rPh>
    <phoneticPr fontId="2"/>
  </si>
  <si>
    <t>原材料使用額等</t>
    <rPh sb="0" eb="3">
      <t>ゲンザイリョウ</t>
    </rPh>
    <rPh sb="3" eb="5">
      <t>シヨウ</t>
    </rPh>
    <rPh sb="5" eb="6">
      <t>ガク</t>
    </rPh>
    <rPh sb="6" eb="7">
      <t>ナド</t>
    </rPh>
    <phoneticPr fontId="2"/>
  </si>
  <si>
    <t>製造品出荷額等合計</t>
    <rPh sb="0" eb="2">
      <t>セイゾウ</t>
    </rPh>
    <rPh sb="2" eb="3">
      <t>ヒン</t>
    </rPh>
    <rPh sb="3" eb="7">
      <t>シュッカガクナド</t>
    </rPh>
    <rPh sb="7" eb="9">
      <t>ゴウケイ</t>
    </rPh>
    <phoneticPr fontId="2"/>
  </si>
  <si>
    <t>製造品出荷額</t>
    <rPh sb="0" eb="2">
      <t>セイゾウ</t>
    </rPh>
    <rPh sb="2" eb="3">
      <t>ヒン</t>
    </rPh>
    <rPh sb="3" eb="6">
      <t>シュッカガク</t>
    </rPh>
    <phoneticPr fontId="2"/>
  </si>
  <si>
    <t>加工賃収入額</t>
    <rPh sb="0" eb="3">
      <t>カコウチン</t>
    </rPh>
    <rPh sb="3" eb="6">
      <t>シュウニュウガク</t>
    </rPh>
    <phoneticPr fontId="2"/>
  </si>
  <si>
    <t>有形固定資産額</t>
    <rPh sb="0" eb="2">
      <t>ユウケイ</t>
    </rPh>
    <rPh sb="2" eb="6">
      <t>コテイシサン</t>
    </rPh>
    <rPh sb="6" eb="7">
      <t>ガク</t>
    </rPh>
    <phoneticPr fontId="2"/>
  </si>
  <si>
    <t>（従業者３０人以上）</t>
    <rPh sb="1" eb="4">
      <t>ジュウギョウシャ</t>
    </rPh>
    <rPh sb="6" eb="9">
      <t>ニンイジョウ</t>
    </rPh>
    <phoneticPr fontId="2"/>
  </si>
  <si>
    <t>年初現在高</t>
    <rPh sb="0" eb="2">
      <t>ネンショ</t>
    </rPh>
    <rPh sb="2" eb="5">
      <t>ゲンザイダカ</t>
    </rPh>
    <phoneticPr fontId="2"/>
  </si>
  <si>
    <t>取得額</t>
    <rPh sb="0" eb="3">
      <t>シュトクガク</t>
    </rPh>
    <phoneticPr fontId="2"/>
  </si>
  <si>
    <t>除却額</t>
    <rPh sb="0" eb="2">
      <t>ジョキャク</t>
    </rPh>
    <rPh sb="2" eb="3">
      <t>ガク</t>
    </rPh>
    <phoneticPr fontId="2"/>
  </si>
  <si>
    <t>減価償却額</t>
    <rPh sb="0" eb="2">
      <t>ゲンカ</t>
    </rPh>
    <rPh sb="2" eb="4">
      <t>ショウキャク</t>
    </rPh>
    <rPh sb="4" eb="5">
      <t>ガク</t>
    </rPh>
    <phoneticPr fontId="2"/>
  </si>
  <si>
    <t>（万円）</t>
    <rPh sb="1" eb="3">
      <t>マンエン</t>
    </rPh>
    <phoneticPr fontId="2"/>
  </si>
  <si>
    <t>注１　各数値は、従業者４人以上の事業所の数値である。</t>
    <rPh sb="0" eb="1">
      <t>チュウ</t>
    </rPh>
    <phoneticPr fontId="2"/>
  </si>
  <si>
    <t>４．従業者規模別工業の状況</t>
    <rPh sb="2" eb="4">
      <t>ジュウギョウ</t>
    </rPh>
    <rPh sb="4" eb="5">
      <t>シャ</t>
    </rPh>
    <rPh sb="5" eb="7">
      <t>キボ</t>
    </rPh>
    <rPh sb="7" eb="8">
      <t>ベツ</t>
    </rPh>
    <rPh sb="8" eb="10">
      <t>コウジョウ</t>
    </rPh>
    <rPh sb="11" eb="12">
      <t>ジョウ</t>
    </rPh>
    <rPh sb="12" eb="13">
      <t>ゲンキョウ</t>
    </rPh>
    <phoneticPr fontId="2"/>
  </si>
  <si>
    <t>製造品出荷額等</t>
    <rPh sb="0" eb="3">
      <t>セイゾウヒン</t>
    </rPh>
    <rPh sb="3" eb="5">
      <t>シュッカ</t>
    </rPh>
    <rPh sb="5" eb="6">
      <t>ガク</t>
    </rPh>
    <rPh sb="6" eb="7">
      <t>トウ</t>
    </rPh>
    <phoneticPr fontId="2"/>
  </si>
  <si>
    <t>従業者規模別</t>
    <rPh sb="0" eb="2">
      <t>ジュウギョウ</t>
    </rPh>
    <rPh sb="2" eb="3">
      <t>シャ</t>
    </rPh>
    <rPh sb="3" eb="5">
      <t>キボ</t>
    </rPh>
    <rPh sb="5" eb="6">
      <t>ベツ</t>
    </rPh>
    <phoneticPr fontId="2"/>
  </si>
  <si>
    <t>１０～１９人</t>
    <rPh sb="5" eb="6">
      <t>ニン</t>
    </rPh>
    <phoneticPr fontId="2"/>
  </si>
  <si>
    <t>２０～２９人</t>
    <rPh sb="5" eb="6">
      <t>ニン</t>
    </rPh>
    <phoneticPr fontId="2"/>
  </si>
  <si>
    <t>３０～４９人</t>
    <rPh sb="5" eb="6">
      <t>ニン</t>
    </rPh>
    <phoneticPr fontId="2"/>
  </si>
  <si>
    <t>５０～９９人</t>
    <rPh sb="5" eb="6">
      <t>ニン</t>
    </rPh>
    <phoneticPr fontId="2"/>
  </si>
  <si>
    <t>１００～１９９人</t>
    <rPh sb="7" eb="8">
      <t>ニン</t>
    </rPh>
    <phoneticPr fontId="2"/>
  </si>
  <si>
    <t>２００～２９９人</t>
    <rPh sb="7" eb="8">
      <t>ニン</t>
    </rPh>
    <phoneticPr fontId="2"/>
  </si>
  <si>
    <t>３００人以上</t>
    <rPh sb="3" eb="4">
      <t>ニン</t>
    </rPh>
    <rPh sb="4" eb="6">
      <t>イジョウ</t>
    </rPh>
    <phoneticPr fontId="2"/>
  </si>
  <si>
    <t>年次</t>
    <rPh sb="0" eb="2">
      <t>ネンジ</t>
    </rPh>
    <phoneticPr fontId="2"/>
  </si>
  <si>
    <t>その他</t>
    <rPh sb="0" eb="3">
      <t>ソノタ</t>
    </rPh>
    <phoneticPr fontId="2"/>
  </si>
  <si>
    <t>従　業　者　数</t>
    <rPh sb="0" eb="1">
      <t>ジュウ</t>
    </rPh>
    <rPh sb="2" eb="7">
      <t>ギョウシャスウ</t>
    </rPh>
    <phoneticPr fontId="2"/>
  </si>
  <si>
    <t>食料品</t>
    <rPh sb="0" eb="3">
      <t>ショクリョウヒン</t>
    </rPh>
    <phoneticPr fontId="2"/>
  </si>
  <si>
    <t>飲料・たばこ・飼料</t>
    <rPh sb="0" eb="2">
      <t>インリョウ</t>
    </rPh>
    <rPh sb="7" eb="9">
      <t>シリョウ</t>
    </rPh>
    <phoneticPr fontId="2"/>
  </si>
  <si>
    <t>繊維</t>
    <rPh sb="0" eb="2">
      <t>センイ</t>
    </rPh>
    <phoneticPr fontId="2"/>
  </si>
  <si>
    <t>木材・木製品</t>
    <rPh sb="0" eb="2">
      <t>モクザイ</t>
    </rPh>
    <rPh sb="3" eb="6">
      <t>モクセイヒン</t>
    </rPh>
    <phoneticPr fontId="2"/>
  </si>
  <si>
    <t>家具・装備品</t>
    <rPh sb="0" eb="2">
      <t>カグ</t>
    </rPh>
    <rPh sb="3" eb="6">
      <t>ソウビヒン</t>
    </rPh>
    <phoneticPr fontId="2"/>
  </si>
  <si>
    <t>パルプ・紙</t>
    <rPh sb="4" eb="5">
      <t>カミ</t>
    </rPh>
    <phoneticPr fontId="2"/>
  </si>
  <si>
    <t>印刷</t>
    <rPh sb="0" eb="2">
      <t>インサツ</t>
    </rPh>
    <phoneticPr fontId="2"/>
  </si>
  <si>
    <t>化学</t>
    <rPh sb="0" eb="2">
      <t>カガク</t>
    </rPh>
    <phoneticPr fontId="2"/>
  </si>
  <si>
    <t>石油・石炭</t>
    <rPh sb="0" eb="2">
      <t>セキユ</t>
    </rPh>
    <rPh sb="3" eb="5">
      <t>セキタン</t>
    </rPh>
    <phoneticPr fontId="2"/>
  </si>
  <si>
    <t>プラスチック製品</t>
    <rPh sb="6" eb="8">
      <t>セイヒン</t>
    </rPh>
    <phoneticPr fontId="2"/>
  </si>
  <si>
    <t>ゴム製品</t>
    <rPh sb="2" eb="4">
      <t>セイヒン</t>
    </rPh>
    <phoneticPr fontId="2"/>
  </si>
  <si>
    <t>皮革</t>
    <rPh sb="0" eb="2">
      <t>ヒカク</t>
    </rPh>
    <phoneticPr fontId="2"/>
  </si>
  <si>
    <t>鉄鋼</t>
    <rPh sb="0" eb="2">
      <t>テッコウ</t>
    </rPh>
    <phoneticPr fontId="2"/>
  </si>
  <si>
    <t>非鉄金属</t>
    <rPh sb="0" eb="2">
      <t>ヒテツ</t>
    </rPh>
    <rPh sb="2" eb="4">
      <t>キンゾク</t>
    </rPh>
    <phoneticPr fontId="2"/>
  </si>
  <si>
    <t>金属製品</t>
    <rPh sb="0" eb="2">
      <t>キンゾク</t>
    </rPh>
    <rPh sb="2" eb="4">
      <t>セイヒン</t>
    </rPh>
    <phoneticPr fontId="2"/>
  </si>
  <si>
    <t>電気機械</t>
    <rPh sb="0" eb="2">
      <t>デンキ</t>
    </rPh>
    <rPh sb="2" eb="4">
      <t>キカイ</t>
    </rPh>
    <phoneticPr fontId="2"/>
  </si>
  <si>
    <t>現金給与　　　総　　額</t>
    <rPh sb="0" eb="2">
      <t>ゲンキン</t>
    </rPh>
    <rPh sb="2" eb="4">
      <t>キュウヨ</t>
    </rPh>
    <rPh sb="7" eb="11">
      <t>ソウガク</t>
    </rPh>
    <phoneticPr fontId="2"/>
  </si>
  <si>
    <t>総　額</t>
    <rPh sb="0" eb="3">
      <t>ソウガク</t>
    </rPh>
    <phoneticPr fontId="2"/>
  </si>
  <si>
    <t>〔　商　業　〕</t>
    <rPh sb="2" eb="5">
      <t>ショウギョウ</t>
    </rPh>
    <phoneticPr fontId="2"/>
  </si>
  <si>
    <t>従業者数（人）</t>
    <rPh sb="0" eb="1">
      <t>ジュウ</t>
    </rPh>
    <rPh sb="1" eb="4">
      <t>ギョウシャスウ</t>
    </rPh>
    <rPh sb="5" eb="6">
      <t>ニン</t>
    </rPh>
    <phoneticPr fontId="2"/>
  </si>
  <si>
    <t>卸売業</t>
    <rPh sb="0" eb="2">
      <t>オロシウ</t>
    </rPh>
    <rPh sb="2" eb="3">
      <t>ギョウ</t>
    </rPh>
    <phoneticPr fontId="2"/>
  </si>
  <si>
    <t>小売業</t>
    <rPh sb="0" eb="3">
      <t>コウリギョウ</t>
    </rPh>
    <phoneticPr fontId="2"/>
  </si>
  <si>
    <t>卸売業</t>
    <rPh sb="0" eb="3">
      <t>オロシウリギョウ</t>
    </rPh>
    <phoneticPr fontId="2"/>
  </si>
  <si>
    <t>小売業</t>
    <rPh sb="0" eb="2">
      <t>コウリ</t>
    </rPh>
    <rPh sb="2" eb="3">
      <t>ギョウ</t>
    </rPh>
    <phoneticPr fontId="2"/>
  </si>
  <si>
    <t>従業者数（人）</t>
    <rPh sb="0" eb="3">
      <t>ジュウギョウシャ</t>
    </rPh>
    <rPh sb="3" eb="4">
      <t>スウ</t>
    </rPh>
    <rPh sb="5" eb="6">
      <t>ニン</t>
    </rPh>
    <phoneticPr fontId="2"/>
  </si>
  <si>
    <t>卸売業計</t>
    <rPh sb="0" eb="3">
      <t>オロシウリギョウ</t>
    </rPh>
    <rPh sb="3" eb="4">
      <t>ケイ</t>
    </rPh>
    <phoneticPr fontId="2"/>
  </si>
  <si>
    <t>各種商品卸売業</t>
    <rPh sb="0" eb="2">
      <t>カクシュ</t>
    </rPh>
    <rPh sb="2" eb="4">
      <t>ショウヒン</t>
    </rPh>
    <rPh sb="4" eb="7">
      <t>オロシウリギョウ</t>
    </rPh>
    <phoneticPr fontId="2"/>
  </si>
  <si>
    <t>繊維・衣服等卸売業</t>
    <rPh sb="0" eb="2">
      <t>センイ</t>
    </rPh>
    <rPh sb="3" eb="5">
      <t>イフク</t>
    </rPh>
    <rPh sb="5" eb="6">
      <t>トウ</t>
    </rPh>
    <rPh sb="6" eb="9">
      <t>オロシウリギョウ</t>
    </rPh>
    <phoneticPr fontId="2"/>
  </si>
  <si>
    <t>飲食料品卸売業</t>
    <rPh sb="0" eb="2">
      <t>インショク</t>
    </rPh>
    <rPh sb="2" eb="3">
      <t>リョウ</t>
    </rPh>
    <rPh sb="3" eb="4">
      <t>ヒン</t>
    </rPh>
    <rPh sb="4" eb="7">
      <t>オロシウリギョウ</t>
    </rPh>
    <phoneticPr fontId="2"/>
  </si>
  <si>
    <t>機械器具卸売業</t>
    <rPh sb="0" eb="2">
      <t>キカイ</t>
    </rPh>
    <rPh sb="2" eb="4">
      <t>キグ</t>
    </rPh>
    <rPh sb="4" eb="7">
      <t>オロシウリギョウ</t>
    </rPh>
    <phoneticPr fontId="2"/>
  </si>
  <si>
    <t>その他の卸売業</t>
    <rPh sb="0" eb="3">
      <t>ソノタ</t>
    </rPh>
    <rPh sb="4" eb="7">
      <t>オロシウリギョウ</t>
    </rPh>
    <phoneticPr fontId="2"/>
  </si>
  <si>
    <t>小売業計</t>
    <rPh sb="0" eb="3">
      <t>コウリギョウ</t>
    </rPh>
    <rPh sb="3" eb="4">
      <t>ケイ</t>
    </rPh>
    <phoneticPr fontId="2"/>
  </si>
  <si>
    <t>各種商品小売業</t>
    <rPh sb="0" eb="2">
      <t>カクシュ</t>
    </rPh>
    <rPh sb="2" eb="4">
      <t>ショウヒン</t>
    </rPh>
    <rPh sb="4" eb="7">
      <t>コウリギョウ</t>
    </rPh>
    <phoneticPr fontId="2"/>
  </si>
  <si>
    <t>飲食料品小売業</t>
    <rPh sb="0" eb="2">
      <t>インショク</t>
    </rPh>
    <rPh sb="2" eb="3">
      <t>リョウ</t>
    </rPh>
    <rPh sb="3" eb="4">
      <t>ヒン</t>
    </rPh>
    <rPh sb="4" eb="7">
      <t>コウリギョウ</t>
    </rPh>
    <phoneticPr fontId="2"/>
  </si>
  <si>
    <t>（１）組織</t>
    <rPh sb="3" eb="5">
      <t>ソシキ</t>
    </rPh>
    <phoneticPr fontId="2"/>
  </si>
  <si>
    <t>（各年４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>資料：市商工会</t>
    <rPh sb="0" eb="2">
      <t>シリョウ</t>
    </rPh>
    <rPh sb="3" eb="4">
      <t>シ</t>
    </rPh>
    <rPh sb="4" eb="7">
      <t>ショウコウカイ</t>
    </rPh>
    <phoneticPr fontId="2"/>
  </si>
  <si>
    <t>（２）決算額</t>
    <rPh sb="3" eb="5">
      <t>ケッサン</t>
    </rPh>
    <rPh sb="5" eb="6">
      <t>ガク</t>
    </rPh>
    <phoneticPr fontId="2"/>
  </si>
  <si>
    <t>単位：千円</t>
    <rPh sb="0" eb="2">
      <t>タンイ</t>
    </rPh>
    <rPh sb="3" eb="5">
      <t>センエン</t>
    </rPh>
    <phoneticPr fontId="2"/>
  </si>
  <si>
    <t>〔　農　業　〕</t>
    <rPh sb="2" eb="5">
      <t>ノウギョウ</t>
    </rPh>
    <phoneticPr fontId="2"/>
  </si>
  <si>
    <t>（各年２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>単位：戸、人</t>
    <rPh sb="0" eb="2">
      <t>タンイ</t>
    </rPh>
    <rPh sb="3" eb="4">
      <t>ト</t>
    </rPh>
    <rPh sb="5" eb="6">
      <t>ニン</t>
    </rPh>
    <phoneticPr fontId="2"/>
  </si>
  <si>
    <t>農家数</t>
    <rPh sb="0" eb="2">
      <t>ノウカ</t>
    </rPh>
    <rPh sb="2" eb="3">
      <t>スウ</t>
    </rPh>
    <phoneticPr fontId="2"/>
  </si>
  <si>
    <t>農家人口</t>
    <rPh sb="0" eb="2">
      <t>ノウカ</t>
    </rPh>
    <rPh sb="2" eb="4">
      <t>ジンコウ</t>
    </rPh>
    <phoneticPr fontId="2"/>
  </si>
  <si>
    <t>第１種兼業</t>
    <rPh sb="0" eb="1">
      <t>ダイ</t>
    </rPh>
    <rPh sb="2" eb="3">
      <t>シュ</t>
    </rPh>
    <rPh sb="3" eb="5">
      <t>ケンギョウ</t>
    </rPh>
    <phoneticPr fontId="2"/>
  </si>
  <si>
    <t>第２種兼業</t>
    <rPh sb="0" eb="3">
      <t>ダイ２シュ</t>
    </rPh>
    <rPh sb="3" eb="5">
      <t>ケンギョウ</t>
    </rPh>
    <phoneticPr fontId="2"/>
  </si>
  <si>
    <t xml:space="preserve">  単位：戸</t>
    <rPh sb="2" eb="4">
      <t>タンイ</t>
    </rPh>
    <rPh sb="5" eb="6">
      <t>ト</t>
    </rPh>
    <phoneticPr fontId="2"/>
  </si>
  <si>
    <t>第１種
兼業農家</t>
    <rPh sb="0" eb="1">
      <t>ダイ</t>
    </rPh>
    <rPh sb="1" eb="3">
      <t>イッシュ</t>
    </rPh>
    <rPh sb="4" eb="6">
      <t>ケンギョウ</t>
    </rPh>
    <rPh sb="6" eb="8">
      <t>ノウカ</t>
    </rPh>
    <phoneticPr fontId="2"/>
  </si>
  <si>
    <t>恒常的勤務</t>
    <rPh sb="0" eb="3">
      <t>コウジョウテキ</t>
    </rPh>
    <rPh sb="3" eb="5">
      <t>キンム</t>
    </rPh>
    <phoneticPr fontId="2"/>
  </si>
  <si>
    <t>日雇い・臨時雇い･出稼ぎ</t>
    <rPh sb="0" eb="2">
      <t>ヒヤト</t>
    </rPh>
    <rPh sb="4" eb="6">
      <t>リンジ</t>
    </rPh>
    <rPh sb="6" eb="7">
      <t>ヤト</t>
    </rPh>
    <rPh sb="9" eb="11">
      <t>デカセ</t>
    </rPh>
    <phoneticPr fontId="2"/>
  </si>
  <si>
    <t>自営兼業</t>
    <rPh sb="0" eb="2">
      <t>ジエイ</t>
    </rPh>
    <rPh sb="2" eb="4">
      <t>ケンギョウ</t>
    </rPh>
    <phoneticPr fontId="2"/>
  </si>
  <si>
    <t xml:space="preserve">  単位：a</t>
    <rPh sb="2" eb="4">
      <t>タンイ</t>
    </rPh>
    <phoneticPr fontId="2"/>
  </si>
  <si>
    <t>田</t>
    <rPh sb="0" eb="1">
      <t>タ</t>
    </rPh>
    <phoneticPr fontId="2"/>
  </si>
  <si>
    <t>畑</t>
    <rPh sb="0" eb="1">
      <t>ハタ</t>
    </rPh>
    <phoneticPr fontId="2"/>
  </si>
  <si>
    <t>休耕地</t>
    <rPh sb="0" eb="3">
      <t>キュウコウチ</t>
    </rPh>
    <phoneticPr fontId="2"/>
  </si>
  <si>
    <t>単位：戸</t>
    <rPh sb="0" eb="2">
      <t>タンイ</t>
    </rPh>
    <rPh sb="3" eb="4">
      <t>ト</t>
    </rPh>
    <phoneticPr fontId="2"/>
  </si>
  <si>
    <t>農　　産　　物　　</t>
    <rPh sb="0" eb="7">
      <t>ノウサンブツ</t>
    </rPh>
    <phoneticPr fontId="2"/>
  </si>
  <si>
    <t>販売なし</t>
    <rPh sb="0" eb="2">
      <t>ハンバイ</t>
    </rPh>
    <phoneticPr fontId="2"/>
  </si>
  <si>
    <t>麦類作</t>
    <rPh sb="0" eb="2">
      <t>ムギルイ</t>
    </rPh>
    <rPh sb="2" eb="3">
      <t>サク</t>
    </rPh>
    <phoneticPr fontId="2"/>
  </si>
  <si>
    <t>果樹類</t>
    <rPh sb="0" eb="2">
      <t>カジュ</t>
    </rPh>
    <rPh sb="2" eb="3">
      <t>ルイ</t>
    </rPh>
    <phoneticPr fontId="2"/>
  </si>
  <si>
    <t>稲</t>
    <rPh sb="0" eb="1">
      <t>イネ</t>
    </rPh>
    <phoneticPr fontId="2"/>
  </si>
  <si>
    <t>いも類</t>
    <rPh sb="2" eb="3">
      <t>ルイ</t>
    </rPh>
    <phoneticPr fontId="2"/>
  </si>
  <si>
    <t>乳用牛</t>
    <rPh sb="0" eb="1">
      <t>ニュウヨウ</t>
    </rPh>
    <rPh sb="1" eb="2">
      <t>ヨウ</t>
    </rPh>
    <rPh sb="2" eb="3">
      <t>ギュウ</t>
    </rPh>
    <phoneticPr fontId="2"/>
  </si>
  <si>
    <t>肉用牛</t>
    <rPh sb="0" eb="2">
      <t>ニクヨウ</t>
    </rPh>
    <rPh sb="2" eb="3">
      <t>ギュウ</t>
    </rPh>
    <phoneticPr fontId="2"/>
  </si>
  <si>
    <t>馬</t>
    <rPh sb="0" eb="1">
      <t>ウマ</t>
    </rPh>
    <phoneticPr fontId="2"/>
  </si>
  <si>
    <t>資料：JA京都やましろ本店</t>
    <rPh sb="0" eb="2">
      <t>シリョウ</t>
    </rPh>
    <phoneticPr fontId="2"/>
  </si>
  <si>
    <t>-</t>
  </si>
  <si>
    <t>う  ち
製造品
出荷額</t>
    <rPh sb="5" eb="8">
      <t>セイゾウヒン</t>
    </rPh>
    <rPh sb="9" eb="11">
      <t>シュッカ</t>
    </rPh>
    <rPh sb="11" eb="12">
      <t>ガク</t>
    </rPh>
    <phoneticPr fontId="2"/>
  </si>
  <si>
    <t>第２種兼業農家</t>
    <rPh sb="0" eb="1">
      <t>ダイ</t>
    </rPh>
    <rPh sb="2" eb="3">
      <t>シュ</t>
    </rPh>
    <rPh sb="3" eb="5">
      <t>ケンギョウ</t>
    </rPh>
    <rPh sb="5" eb="7">
      <t>ノウカ</t>
    </rPh>
    <phoneticPr fontId="2"/>
  </si>
  <si>
    <t>全体</t>
    <rPh sb="0" eb="2">
      <t>ゼンタイ</t>
    </rPh>
    <phoneticPr fontId="2"/>
  </si>
  <si>
    <t>注２　施設園芸は除く。</t>
    <rPh sb="0" eb="1">
      <t>チュウ</t>
    </rPh>
    <rPh sb="3" eb="5">
      <t>シセツ</t>
    </rPh>
    <rPh sb="5" eb="7">
      <t>エンゲイ</t>
    </rPh>
    <rPh sb="8" eb="9">
      <t>ノゾ</t>
    </rPh>
    <phoneticPr fontId="2"/>
  </si>
  <si>
    <t>１事業所
当たりの
従業者数</t>
    <rPh sb="1" eb="4">
      <t>ジギョウショ</t>
    </rPh>
    <rPh sb="5" eb="6">
      <t>ア</t>
    </rPh>
    <rPh sb="10" eb="13">
      <t>ジュウギョウシャ</t>
    </rPh>
    <rPh sb="13" eb="14">
      <t>スウ</t>
    </rPh>
    <phoneticPr fontId="2"/>
  </si>
  <si>
    <t>付加価値額</t>
    <rPh sb="0" eb="2">
      <t>フカ</t>
    </rPh>
    <rPh sb="2" eb="4">
      <t>カチ</t>
    </rPh>
    <rPh sb="4" eb="5">
      <t>ガク</t>
    </rPh>
    <phoneticPr fontId="2"/>
  </si>
  <si>
    <t>世帯主兼業主</t>
  </si>
  <si>
    <t>0.3ｈａ　　未　満</t>
    <rPh sb="7" eb="10">
      <t>ミマン</t>
    </rPh>
    <phoneticPr fontId="2"/>
  </si>
  <si>
    <t>3.0ｈａ
以上</t>
    <rPh sb="6" eb="8">
      <t>イジョウ</t>
    </rPh>
    <phoneticPr fontId="2"/>
  </si>
  <si>
    <t>世帯主
農業主</t>
    <rPh sb="0" eb="3">
      <t>セタイヌシ</t>
    </rPh>
    <rPh sb="4" eb="6">
      <t>ノウギョウ</t>
    </rPh>
    <rPh sb="6" eb="7">
      <t>ヌシ</t>
    </rPh>
    <phoneticPr fontId="2"/>
  </si>
  <si>
    <t>農家総数</t>
    <rPh sb="0" eb="1">
      <t>ノウ</t>
    </rPh>
    <rPh sb="1" eb="2">
      <t>イエ</t>
    </rPh>
    <rPh sb="2" eb="3">
      <t>フサ</t>
    </rPh>
    <rPh sb="3" eb="4">
      <t>カズ</t>
    </rPh>
    <phoneticPr fontId="2"/>
  </si>
  <si>
    <t>専業
農家</t>
    <rPh sb="0" eb="1">
      <t>アツム</t>
    </rPh>
    <rPh sb="1" eb="2">
      <t>ギョウ</t>
    </rPh>
    <rPh sb="3" eb="4">
      <t>ノウ</t>
    </rPh>
    <rPh sb="4" eb="5">
      <t>イエ</t>
    </rPh>
    <phoneticPr fontId="2"/>
  </si>
  <si>
    <t>工芸
農作物</t>
    <rPh sb="0" eb="2">
      <t>コウゲイ</t>
    </rPh>
    <rPh sb="3" eb="6">
      <t>ノウサクモツ</t>
    </rPh>
    <phoneticPr fontId="2"/>
  </si>
  <si>
    <t>1,000万円以上</t>
    <rPh sb="5" eb="7">
      <t>マンエン</t>
    </rPh>
    <rPh sb="7" eb="9">
      <t>イジョウ</t>
    </rPh>
    <phoneticPr fontId="2"/>
  </si>
  <si>
    <t>面積</t>
    <rPh sb="0" eb="2">
      <t>メンセキ</t>
    </rPh>
    <phoneticPr fontId="2"/>
  </si>
  <si>
    <t>原 材 料
使用額等</t>
    <rPh sb="0" eb="1">
      <t>ハラ</t>
    </rPh>
    <rPh sb="2" eb="3">
      <t>ザイ</t>
    </rPh>
    <rPh sb="4" eb="5">
      <t>リョウ</t>
    </rPh>
    <rPh sb="6" eb="9">
      <t>シヨウガク</t>
    </rPh>
    <rPh sb="9" eb="10">
      <t>トウ</t>
    </rPh>
    <phoneticPr fontId="2"/>
  </si>
  <si>
    <t>年</t>
    <rPh sb="0" eb="1">
      <t>トシ</t>
    </rPh>
    <phoneticPr fontId="2"/>
  </si>
  <si>
    <t>現金給与
総   額</t>
    <rPh sb="0" eb="2">
      <t>ゲンキン</t>
    </rPh>
    <rPh sb="2" eb="4">
      <t>キュウヨ</t>
    </rPh>
    <rPh sb="5" eb="6">
      <t>フサ</t>
    </rPh>
    <rPh sb="9" eb="10">
      <t>ガク</t>
    </rPh>
    <phoneticPr fontId="2"/>
  </si>
  <si>
    <t>年・区分</t>
    <rPh sb="0" eb="1">
      <t>ネン</t>
    </rPh>
    <rPh sb="2" eb="4">
      <t>クブン</t>
    </rPh>
    <phoneticPr fontId="2"/>
  </si>
  <si>
    <t>0.3～</t>
    <phoneticPr fontId="2"/>
  </si>
  <si>
    <t>0.5～</t>
    <phoneticPr fontId="2"/>
  </si>
  <si>
    <t>1.0～</t>
    <phoneticPr fontId="2"/>
  </si>
  <si>
    <t>1.5～</t>
    <phoneticPr fontId="2"/>
  </si>
  <si>
    <t>１．事業所の推移</t>
    <rPh sb="2" eb="5">
      <t>ジギョウショ</t>
    </rPh>
    <rPh sb="6" eb="8">
      <t>スイイ</t>
    </rPh>
    <phoneticPr fontId="2"/>
  </si>
  <si>
    <t xml:space="preserve">       -</t>
  </si>
  <si>
    <t>　　　   -</t>
  </si>
  <si>
    <t>資料：総務室（京都府統計書）</t>
    <rPh sb="0" eb="2">
      <t>シリョウ</t>
    </rPh>
    <rPh sb="7" eb="9">
      <t>キョウト</t>
    </rPh>
    <rPh sb="9" eb="10">
      <t>フ</t>
    </rPh>
    <phoneticPr fontId="2"/>
  </si>
  <si>
    <t>資料：総務室（京都府統計書）</t>
    <rPh sb="0" eb="2">
      <t>シリョウ</t>
    </rPh>
    <rPh sb="7" eb="10">
      <t>キョウトフ</t>
    </rPh>
    <phoneticPr fontId="2"/>
  </si>
  <si>
    <r>
      <t xml:space="preserve">公務
</t>
    </r>
    <r>
      <rPr>
        <vertAlign val="superscript"/>
        <sz val="10"/>
        <rFont val="ＭＳ Ｐ明朝"/>
        <family val="1"/>
        <charset val="128"/>
      </rPr>
      <t>（他に分類されないもの）</t>
    </r>
    <rPh sb="0" eb="2">
      <t>コウム</t>
    </rPh>
    <rPh sb="4" eb="5">
      <t>ホカ</t>
    </rPh>
    <rPh sb="6" eb="8">
      <t>ブンルイ</t>
    </rPh>
    <phoneticPr fontId="2"/>
  </si>
  <si>
    <t>複合サービス事業</t>
    <rPh sb="6" eb="7">
      <t>ジ</t>
    </rPh>
    <phoneticPr fontId="2"/>
  </si>
  <si>
    <t>付加価値額</t>
    <phoneticPr fontId="2"/>
  </si>
  <si>
    <t>総　　　　　　　　　　　　数</t>
    <rPh sb="0" eb="1">
      <t>フサ</t>
    </rPh>
    <rPh sb="13" eb="14">
      <t>カズ</t>
    </rPh>
    <phoneticPr fontId="2"/>
  </si>
  <si>
    <t>ブロイラー</t>
    <phoneticPr fontId="2"/>
  </si>
  <si>
    <t>乗 用 型
スピード
スプレイヤー</t>
    <rPh sb="0" eb="1">
      <t>ジョウ</t>
    </rPh>
    <rPh sb="2" eb="3">
      <t>ヨウ</t>
    </rPh>
    <rPh sb="4" eb="5">
      <t>ガタ</t>
    </rPh>
    <phoneticPr fontId="2"/>
  </si>
  <si>
    <t>バインダー</t>
    <phoneticPr fontId="2"/>
  </si>
  <si>
    <t>コンバイン</t>
    <phoneticPr fontId="2"/>
  </si>
  <si>
    <t>樹園地</t>
    <rPh sb="0" eb="1">
      <t>ジュ</t>
    </rPh>
    <rPh sb="1" eb="3">
      <t>エンチ</t>
    </rPh>
    <phoneticPr fontId="2"/>
  </si>
  <si>
    <t>動力耕うん
機 ・ 農用
トラクター</t>
    <rPh sb="0" eb="2">
      <t>ドウリョク</t>
    </rPh>
    <rPh sb="2" eb="3">
      <t>コウ</t>
    </rPh>
    <rPh sb="6" eb="7">
      <t>キ</t>
    </rPh>
    <rPh sb="10" eb="11">
      <t>ノウ</t>
    </rPh>
    <rPh sb="11" eb="12">
      <t>ヨウ</t>
    </rPh>
    <phoneticPr fontId="2"/>
  </si>
  <si>
    <t>収穫量</t>
    <rPh sb="0" eb="2">
      <t>シュウカク</t>
    </rPh>
    <rPh sb="2" eb="3">
      <t>リョウ</t>
    </rPh>
    <phoneticPr fontId="2"/>
  </si>
  <si>
    <t>（ｔ）</t>
  </si>
  <si>
    <t>１０ａあたり収量</t>
    <rPh sb="6" eb="8">
      <t>シュウリョウ</t>
    </rPh>
    <phoneticPr fontId="2"/>
  </si>
  <si>
    <t>売場面積</t>
    <rPh sb="0" eb="2">
      <t>ウリバ</t>
    </rPh>
    <rPh sb="2" eb="4">
      <t>メンセキ</t>
    </rPh>
    <phoneticPr fontId="2"/>
  </si>
  <si>
    <t>専業</t>
    <rPh sb="0" eb="2">
      <t>センギョウ</t>
    </rPh>
    <phoneticPr fontId="2"/>
  </si>
  <si>
    <t>0～14歳</t>
    <rPh sb="4" eb="5">
      <t>サイ</t>
    </rPh>
    <phoneticPr fontId="2"/>
  </si>
  <si>
    <t>15～59歳</t>
    <rPh sb="5" eb="6">
      <t>サイ</t>
    </rPh>
    <phoneticPr fontId="2"/>
  </si>
  <si>
    <t>60～64歳</t>
    <rPh sb="5" eb="6">
      <t>サイ</t>
    </rPh>
    <phoneticPr fontId="2"/>
  </si>
  <si>
    <t>65歳以上</t>
    <rPh sb="2" eb="5">
      <t>サイイジョウ</t>
    </rPh>
    <phoneticPr fontId="2"/>
  </si>
  <si>
    <t>稲作</t>
    <rPh sb="0" eb="2">
      <t>イナサク</t>
    </rPh>
    <phoneticPr fontId="2"/>
  </si>
  <si>
    <t>工芸
農作物</t>
    <rPh sb="0" eb="1">
      <t>コウ</t>
    </rPh>
    <rPh sb="1" eb="2">
      <t>ゲイ</t>
    </rPh>
    <rPh sb="3" eb="4">
      <t>ノウ</t>
    </rPh>
    <rPh sb="4" eb="5">
      <t>ノウサク</t>
    </rPh>
    <rPh sb="5" eb="6">
      <t>ブツ</t>
    </rPh>
    <phoneticPr fontId="2"/>
  </si>
  <si>
    <t>麦類</t>
    <rPh sb="0" eb="2">
      <t>ムギルイ</t>
    </rPh>
    <phoneticPr fontId="2"/>
  </si>
  <si>
    <t>雑穀</t>
    <rPh sb="0" eb="2">
      <t>ザッコク</t>
    </rPh>
    <phoneticPr fontId="2"/>
  </si>
  <si>
    <t>豆類</t>
    <rPh sb="0" eb="2">
      <t>マメルイ</t>
    </rPh>
    <phoneticPr fontId="2"/>
  </si>
  <si>
    <t>その他
の作物</t>
    <rPh sb="0" eb="3">
      <t>ソノタ</t>
    </rPh>
    <rPh sb="5" eb="7">
      <t>サクモツ</t>
    </rPh>
    <phoneticPr fontId="2"/>
  </si>
  <si>
    <t>酪農</t>
    <rPh sb="0" eb="2">
      <t>ラクノウ</t>
    </rPh>
    <phoneticPr fontId="2"/>
  </si>
  <si>
    <t>養鶏</t>
    <rPh sb="0" eb="2">
      <t>ヨウケイ</t>
    </rPh>
    <phoneticPr fontId="2"/>
  </si>
  <si>
    <t>蜜蜂</t>
    <rPh sb="0" eb="2">
      <t>ミツバチ</t>
    </rPh>
    <phoneticPr fontId="2"/>
  </si>
  <si>
    <t>農林漁業</t>
    <phoneticPr fontId="2"/>
  </si>
  <si>
    <t>建設業</t>
    <phoneticPr fontId="2"/>
  </si>
  <si>
    <t>製造業</t>
    <phoneticPr fontId="2"/>
  </si>
  <si>
    <t>電気・ガス・
熱供給・水道業</t>
    <phoneticPr fontId="2"/>
  </si>
  <si>
    <t>情報通信業</t>
    <phoneticPr fontId="2"/>
  </si>
  <si>
    <r>
      <t xml:space="preserve">サービス業
</t>
    </r>
    <r>
      <rPr>
        <vertAlign val="superscript"/>
        <sz val="10"/>
        <rFont val="ＭＳ Ｐ明朝"/>
        <family val="1"/>
        <charset val="128"/>
      </rPr>
      <t>(他に分類されないもの)</t>
    </r>
    <phoneticPr fontId="2"/>
  </si>
  <si>
    <t>産業分類</t>
    <phoneticPr fontId="2"/>
  </si>
  <si>
    <t>年</t>
    <phoneticPr fontId="2"/>
  </si>
  <si>
    <t>にわとり</t>
    <phoneticPr fontId="2"/>
  </si>
  <si>
    <t>（ｈａ）</t>
    <phoneticPr fontId="2"/>
  </si>
  <si>
    <t>（ｋｇ）</t>
    <phoneticPr fontId="2"/>
  </si>
  <si>
    <t>窯業・土石</t>
    <rPh sb="0" eb="2">
      <t>ヨウギョウ</t>
    </rPh>
    <rPh sb="3" eb="5">
      <t>ドセキ</t>
    </rPh>
    <phoneticPr fontId="2"/>
  </si>
  <si>
    <t>はん用機械</t>
    <rPh sb="2" eb="3">
      <t>ヨウ</t>
    </rPh>
    <rPh sb="3" eb="5">
      <t>キカイ</t>
    </rPh>
    <phoneticPr fontId="2"/>
  </si>
  <si>
    <t>生産用機械</t>
    <rPh sb="0" eb="3">
      <t>セイサンヨウ</t>
    </rPh>
    <rPh sb="3" eb="5">
      <t>キカイ</t>
    </rPh>
    <phoneticPr fontId="2"/>
  </si>
  <si>
    <t>業務用機械</t>
    <rPh sb="0" eb="3">
      <t>ギョウムヨウ</t>
    </rPh>
    <rPh sb="3" eb="5">
      <t>キカイ</t>
    </rPh>
    <phoneticPr fontId="2"/>
  </si>
  <si>
    <t>電子部品</t>
    <rPh sb="0" eb="2">
      <t>デンシ</t>
    </rPh>
    <rPh sb="2" eb="4">
      <t>ブヒン</t>
    </rPh>
    <phoneticPr fontId="2"/>
  </si>
  <si>
    <t>情報通信</t>
    <rPh sb="0" eb="2">
      <t>ジョウホウ</t>
    </rPh>
    <rPh sb="2" eb="4">
      <t>ツウシン</t>
    </rPh>
    <phoneticPr fontId="2"/>
  </si>
  <si>
    <t>輸送用機械</t>
    <rPh sb="0" eb="2">
      <t>ユソウ</t>
    </rPh>
    <rPh sb="2" eb="3">
      <t>ヨウ</t>
    </rPh>
    <rPh sb="3" eb="5">
      <t>キカイ</t>
    </rPh>
    <phoneticPr fontId="2"/>
  </si>
  <si>
    <t>その他</t>
  </si>
  <si>
    <t>区分</t>
  </si>
  <si>
    <t>総面積</t>
  </si>
  <si>
    <t>林野面積</t>
  </si>
  <si>
    <t>林野率</t>
  </si>
  <si>
    <t>年</t>
  </si>
  <si>
    <t>総数</t>
  </si>
  <si>
    <t>国有林</t>
  </si>
  <si>
    <t>公有林</t>
  </si>
  <si>
    <t>私有林</t>
  </si>
  <si>
    <t>役員数</t>
  </si>
  <si>
    <t>職員数</t>
  </si>
  <si>
    <t>備考</t>
  </si>
  <si>
    <t>常勤</t>
  </si>
  <si>
    <t>非常勤</t>
  </si>
  <si>
    <t>京田辺</t>
  </si>
  <si>
    <t>出品点数</t>
  </si>
  <si>
    <t>入賞点数</t>
  </si>
  <si>
    <t>農林大臣賞</t>
  </si>
  <si>
    <t>１等</t>
  </si>
  <si>
    <t>２等</t>
  </si>
  <si>
    <t>３等</t>
  </si>
  <si>
    <t>年次</t>
  </si>
  <si>
    <t>てん茶</t>
  </si>
  <si>
    <t>玉露</t>
  </si>
  <si>
    <t>かぶせ茶</t>
  </si>
  <si>
    <t>煎茶</t>
  </si>
  <si>
    <t>番茶</t>
  </si>
  <si>
    <t>計</t>
  </si>
  <si>
    <t>一番茶</t>
  </si>
  <si>
    <t>二番茶</t>
  </si>
  <si>
    <t>三番茶</t>
  </si>
  <si>
    <t>成木園</t>
  </si>
  <si>
    <t>未成木園</t>
  </si>
  <si>
    <t>２，３年生茶園</t>
  </si>
  <si>
    <t>本年新植茶園</t>
  </si>
  <si>
    <t>資料：農政課</t>
  </si>
  <si>
    <t>合計</t>
  </si>
  <si>
    <t>転用内訳面積表</t>
  </si>
  <si>
    <t>件数</t>
  </si>
  <si>
    <t>面積</t>
  </si>
  <si>
    <t>住宅</t>
  </si>
  <si>
    <t>工・鉱業</t>
  </si>
  <si>
    <t>学校</t>
  </si>
  <si>
    <t>公園・
運動場</t>
  </si>
  <si>
    <t>道水路・鉄道</t>
  </si>
  <si>
    <t>その他の建物施設</t>
  </si>
  <si>
    <t>植　林</t>
  </si>
  <si>
    <t>年度</t>
  </si>
  <si>
    <t>歳入</t>
  </si>
  <si>
    <t>歳出</t>
  </si>
  <si>
    <t>会員数</t>
  </si>
  <si>
    <t>役員</t>
  </si>
  <si>
    <t>事務職員</t>
  </si>
  <si>
    <t>会長</t>
  </si>
  <si>
    <t>副会長</t>
  </si>
  <si>
    <t>その他役員</t>
  </si>
  <si>
    <t xml:space="preserve">… </t>
  </si>
  <si>
    <t>30人以上</t>
    <rPh sb="2" eb="3">
      <t>ニン</t>
    </rPh>
    <rPh sb="3" eb="5">
      <t>イジョウ</t>
    </rPh>
    <phoneticPr fontId="2"/>
  </si>
  <si>
    <t>30人以上</t>
    <rPh sb="2" eb="5">
      <t>ニンイジョウ</t>
    </rPh>
    <phoneticPr fontId="2"/>
  </si>
  <si>
    <t>その他の小売業</t>
    <rPh sb="0" eb="3">
      <t>ソノタ</t>
    </rPh>
    <rPh sb="4" eb="7">
      <t>コウリギョウ</t>
    </rPh>
    <phoneticPr fontId="2"/>
  </si>
  <si>
    <t>（㎡）</t>
    <phoneticPr fontId="2"/>
  </si>
  <si>
    <t>出向・派遣従業者のみ</t>
    <rPh sb="0" eb="2">
      <t>シュッコウ</t>
    </rPh>
    <rPh sb="3" eb="5">
      <t>ハケン</t>
    </rPh>
    <rPh sb="5" eb="8">
      <t>ジュウギョウシャ</t>
    </rPh>
    <phoneticPr fontId="2"/>
  </si>
  <si>
    <t>学術研究，専門・技術サービス業</t>
    <phoneticPr fontId="2"/>
  </si>
  <si>
    <t>生活関連サービス業，娯楽業</t>
    <phoneticPr fontId="2"/>
  </si>
  <si>
    <t>運輸業，郵便業</t>
    <phoneticPr fontId="2"/>
  </si>
  <si>
    <t>卸売業，小売業</t>
    <phoneticPr fontId="2"/>
  </si>
  <si>
    <t>金融業，保険業</t>
    <phoneticPr fontId="2"/>
  </si>
  <si>
    <t>不動産業，
物品賃貸業</t>
    <phoneticPr fontId="2"/>
  </si>
  <si>
    <t>宿泊業，
飲食サービス業</t>
    <rPh sb="0" eb="2">
      <t>シュクハク</t>
    </rPh>
    <rPh sb="2" eb="3">
      <t>ギョウ</t>
    </rPh>
    <rPh sb="5" eb="7">
      <t>インショク</t>
    </rPh>
    <rPh sb="11" eb="12">
      <t>ギョウ</t>
    </rPh>
    <phoneticPr fontId="2"/>
  </si>
  <si>
    <t>生活関連サービス業，娯楽業</t>
    <rPh sb="0" eb="2">
      <t>セイカツ</t>
    </rPh>
    <rPh sb="2" eb="4">
      <t>カンレン</t>
    </rPh>
    <rPh sb="8" eb="9">
      <t>ギョウ</t>
    </rPh>
    <rPh sb="10" eb="13">
      <t>ゴラクギョウ</t>
    </rPh>
    <phoneticPr fontId="2"/>
  </si>
  <si>
    <t>医療，福祉</t>
    <phoneticPr fontId="2"/>
  </si>
  <si>
    <t>教育，学習支援業</t>
    <phoneticPr fontId="2"/>
  </si>
  <si>
    <t>鉱業，採石業，
砂利採取業</t>
    <phoneticPr fontId="2"/>
  </si>
  <si>
    <t>資料：総務室（農林業センサス・世界農林業センサス）</t>
  </si>
  <si>
    <t>資料：総務室（農林業センサス・世界農林業センサス）</t>
    <rPh sb="0" eb="2">
      <t>シリョウ</t>
    </rPh>
    <rPh sb="15" eb="17">
      <t>セカイ</t>
    </rPh>
    <rPh sb="17" eb="20">
      <t>ノウギョウ</t>
    </rPh>
    <phoneticPr fontId="2"/>
  </si>
  <si>
    <t>学術研究，専門・技術サービス業</t>
    <rPh sb="0" eb="2">
      <t>ガクジュツ</t>
    </rPh>
    <rPh sb="2" eb="4">
      <t>ケンキュウ</t>
    </rPh>
    <rPh sb="5" eb="7">
      <t>センモン</t>
    </rPh>
    <rPh sb="8" eb="10">
      <t>ギジュツ</t>
    </rPh>
    <rPh sb="14" eb="15">
      <t>ギョウ</t>
    </rPh>
    <phoneticPr fontId="2"/>
  </si>
  <si>
    <t>穀物・いも
類 ・ 豆類</t>
    <rPh sb="0" eb="2">
      <t>コクモツ</t>
    </rPh>
    <rPh sb="6" eb="7">
      <t>ルイ</t>
    </rPh>
    <rPh sb="10" eb="12">
      <t>マメルイ</t>
    </rPh>
    <phoneticPr fontId="2"/>
  </si>
  <si>
    <t>注１　各数値は、従業者４人以上の事業所の数値。</t>
    <rPh sb="0" eb="1">
      <t>チュウ</t>
    </rPh>
    <phoneticPr fontId="2"/>
  </si>
  <si>
    <t>肉専用種
乳 用 種
（頭）</t>
    <rPh sb="0" eb="3">
      <t>ニクセンヨウ</t>
    </rPh>
    <rPh sb="3" eb="4">
      <t>シュ</t>
    </rPh>
    <phoneticPr fontId="2"/>
  </si>
  <si>
    <t xml:space="preserve"> 総                         数</t>
    <rPh sb="1" eb="2">
      <t>フサ</t>
    </rPh>
    <rPh sb="27" eb="28">
      <t>カズ</t>
    </rPh>
    <phoneticPr fontId="2"/>
  </si>
  <si>
    <t>その他収入額</t>
    <rPh sb="2" eb="3">
      <t>タ</t>
    </rPh>
    <rPh sb="3" eb="6">
      <t>シュウニュウガク</t>
    </rPh>
    <phoneticPr fontId="2"/>
  </si>
  <si>
    <t>注１　件数は、農地法第４条・５条転用届出・許可分のみ。</t>
    <rPh sb="0" eb="1">
      <t>チュウ</t>
    </rPh>
    <rPh sb="3" eb="5">
      <t>ケンスウ</t>
    </rPh>
    <rPh sb="7" eb="10">
      <t>ノウチホウ</t>
    </rPh>
    <rPh sb="10" eb="11">
      <t>ダイ</t>
    </rPh>
    <rPh sb="12" eb="13">
      <t>ジョウ</t>
    </rPh>
    <rPh sb="15" eb="16">
      <t>ジョウ</t>
    </rPh>
    <rPh sb="16" eb="18">
      <t>テンヨウ</t>
    </rPh>
    <rPh sb="18" eb="19">
      <t>トド</t>
    </rPh>
    <rPh sb="19" eb="20">
      <t>デ</t>
    </rPh>
    <rPh sb="21" eb="23">
      <t>キョカ</t>
    </rPh>
    <rPh sb="23" eb="24">
      <t>ブン</t>
    </rPh>
    <phoneticPr fontId="2"/>
  </si>
  <si>
    <t>注１　経営耕地面積が１０ａ未満、かつ年間農産物販売金額が１５万円未満の農家は対象外。</t>
    <rPh sb="0" eb="1">
      <t>チュウ</t>
    </rPh>
    <rPh sb="3" eb="5">
      <t>ケイエイ</t>
    </rPh>
    <rPh sb="18" eb="20">
      <t>ネンカン</t>
    </rPh>
    <rPh sb="20" eb="23">
      <t>ノウサンブツ</t>
    </rPh>
    <phoneticPr fontId="2"/>
  </si>
  <si>
    <t>　　　　農家）のみの値。</t>
    <rPh sb="4" eb="6">
      <t>ノウカ</t>
    </rPh>
    <phoneticPr fontId="2"/>
  </si>
  <si>
    <t>注１　販売農家のみの値。</t>
    <rPh sb="0" eb="1">
      <t>チュウ</t>
    </rPh>
    <rPh sb="10" eb="11">
      <t>アタイ</t>
    </rPh>
    <phoneticPr fontId="2"/>
  </si>
  <si>
    <t>普通銀行</t>
    <rPh sb="0" eb="2">
      <t>フツウ</t>
    </rPh>
    <rPh sb="2" eb="4">
      <t>ギンコウ</t>
    </rPh>
    <phoneticPr fontId="2"/>
  </si>
  <si>
    <t>信用金庫</t>
    <rPh sb="0" eb="2">
      <t>シンヨウ</t>
    </rPh>
    <rPh sb="2" eb="4">
      <t>キンコ</t>
    </rPh>
    <phoneticPr fontId="2"/>
  </si>
  <si>
    <t>郵便局</t>
    <rPh sb="0" eb="3">
      <t>ユウビンキョク</t>
    </rPh>
    <phoneticPr fontId="2"/>
  </si>
  <si>
    <t>注1　売場面積は、小売業のみの数値。</t>
    <rPh sb="0" eb="1">
      <t>チュウ</t>
    </rPh>
    <phoneticPr fontId="2"/>
  </si>
  <si>
    <t>0.5ｈａ未満</t>
    <rPh sb="5" eb="7">
      <t>ミマン</t>
    </rPh>
    <phoneticPr fontId="2"/>
  </si>
  <si>
    <t>1.0ｈａ未満</t>
    <phoneticPr fontId="2"/>
  </si>
  <si>
    <t>1.5ｈａ未満</t>
    <phoneticPr fontId="2"/>
  </si>
  <si>
    <t>2.0ｈａ未満</t>
    <phoneticPr fontId="2"/>
  </si>
  <si>
    <t>100～200万円未満</t>
    <rPh sb="7" eb="9">
      <t>マンエン</t>
    </rPh>
    <phoneticPr fontId="2"/>
  </si>
  <si>
    <t>200～300万円未満</t>
    <rPh sb="7" eb="9">
      <t>マンエン</t>
    </rPh>
    <phoneticPr fontId="2"/>
  </si>
  <si>
    <t>300～500万円未満</t>
    <rPh sb="7" eb="9">
      <t>マンエン</t>
    </rPh>
    <phoneticPr fontId="2"/>
  </si>
  <si>
    <t>500～700万円未満</t>
    <rPh sb="7" eb="9">
      <t>マンエン</t>
    </rPh>
    <phoneticPr fontId="2"/>
  </si>
  <si>
    <t>700～1,000万円未満</t>
    <rPh sb="9" eb="11">
      <t>マンエン</t>
    </rPh>
    <phoneticPr fontId="2"/>
  </si>
  <si>
    <t xml:space="preserve"> 総   　　　　　　　　　　      数</t>
    <rPh sb="1" eb="2">
      <t>フサ</t>
    </rPh>
    <rPh sb="21" eb="22">
      <t>カズ</t>
    </rPh>
    <phoneticPr fontId="2"/>
  </si>
  <si>
    <t>鉱業，採石業，
砂利採取業</t>
    <phoneticPr fontId="2"/>
  </si>
  <si>
    <t>産業分類</t>
    <phoneticPr fontId="2"/>
  </si>
  <si>
    <t xml:space="preserve"> 総                     数</t>
    <rPh sb="1" eb="2">
      <t>フサ</t>
    </rPh>
    <rPh sb="23" eb="24">
      <t>カズ</t>
    </rPh>
    <phoneticPr fontId="2"/>
  </si>
  <si>
    <t>50～100万円未満</t>
    <rPh sb="6" eb="8">
      <t>マンエン</t>
    </rPh>
    <rPh sb="8" eb="10">
      <t>ミマン</t>
    </rPh>
    <phoneticPr fontId="2"/>
  </si>
  <si>
    <t>生活関連サービス業，
娯楽業</t>
    <phoneticPr fontId="2"/>
  </si>
  <si>
    <t>農業協同
組合</t>
    <rPh sb="0" eb="2">
      <t>ノウギョウ</t>
    </rPh>
    <rPh sb="2" eb="4">
      <t>キョウドウ</t>
    </rPh>
    <rPh sb="5" eb="7">
      <t>クミアイ</t>
    </rPh>
    <phoneticPr fontId="2"/>
  </si>
  <si>
    <t>627(1,036)</t>
  </si>
  <si>
    <t>注２　農家数並びに平成２２年及び２７年の農家人口は、販売農家（経営耕地面積が３０ａ以上または年間農産物販売金額が５０万円以上の</t>
    <rPh sb="0" eb="1">
      <t>チュウ</t>
    </rPh>
    <rPh sb="6" eb="7">
      <t>ナラ</t>
    </rPh>
    <rPh sb="9" eb="11">
      <t>ヘイセイ</t>
    </rPh>
    <rPh sb="13" eb="14">
      <t>ネン</t>
    </rPh>
    <rPh sb="14" eb="15">
      <t>オヨ</t>
    </rPh>
    <rPh sb="18" eb="19">
      <t>ネン</t>
    </rPh>
    <rPh sb="20" eb="22">
      <t>ノウカ</t>
    </rPh>
    <rPh sb="22" eb="24">
      <t>ジンコウ</t>
    </rPh>
    <rPh sb="46" eb="48">
      <t>ネンカン</t>
    </rPh>
    <phoneticPr fontId="2"/>
  </si>
  <si>
    <t>2.0～</t>
    <phoneticPr fontId="2"/>
  </si>
  <si>
    <t>3.0ha未満</t>
    <rPh sb="5" eb="7">
      <t>ミマン</t>
    </rPh>
    <phoneticPr fontId="2"/>
  </si>
  <si>
    <t>50万円未満</t>
    <rPh sb="2" eb="3">
      <t>マン</t>
    </rPh>
    <rPh sb="3" eb="4">
      <t>エン</t>
    </rPh>
    <rPh sb="4" eb="6">
      <t>ミマン</t>
    </rPh>
    <phoneticPr fontId="2"/>
  </si>
  <si>
    <t>注２　平成２２年及び平成２７年は動力田植機、トラクター、コンバインのみ。</t>
    <rPh sb="0" eb="1">
      <t>チュウ</t>
    </rPh>
    <rPh sb="3" eb="5">
      <t>ヘイセイ</t>
    </rPh>
    <rPh sb="7" eb="8">
      <t>ネン</t>
    </rPh>
    <rPh sb="8" eb="9">
      <t>オヨ</t>
    </rPh>
    <rPh sb="10" eb="12">
      <t>ヘイセイ</t>
    </rPh>
    <rPh sb="14" eb="15">
      <t>ネン</t>
    </rPh>
    <rPh sb="16" eb="18">
      <t>ドウリョク</t>
    </rPh>
    <rPh sb="18" eb="20">
      <t>タウエ</t>
    </rPh>
    <rPh sb="20" eb="21">
      <t>キ</t>
    </rPh>
    <phoneticPr fontId="2"/>
  </si>
  <si>
    <t>ハウス・ガラス室</t>
    <rPh sb="7" eb="8">
      <t>シツ</t>
    </rPh>
    <phoneticPr fontId="2"/>
  </si>
  <si>
    <t>あいがも・あひる</t>
    <phoneticPr fontId="2"/>
  </si>
  <si>
    <t>やぎ</t>
    <phoneticPr fontId="2"/>
  </si>
  <si>
    <t>うさぎ</t>
    <phoneticPr fontId="2"/>
  </si>
  <si>
    <t>（頭）</t>
    <rPh sb="1" eb="2">
      <t>アタマ</t>
    </rPh>
    <phoneticPr fontId="2"/>
  </si>
  <si>
    <t>X</t>
  </si>
  <si>
    <t>平成２８年</t>
    <rPh sb="0" eb="2">
      <t>ヘイセイ</t>
    </rPh>
    <rPh sb="4" eb="5">
      <t>ネン</t>
    </rPh>
    <phoneticPr fontId="2"/>
  </si>
  <si>
    <t>資料：総務室（経済センサス－活動調査）</t>
    <rPh sb="0" eb="2">
      <t>シリョウ</t>
    </rPh>
    <rPh sb="7" eb="9">
      <t>ケイザイ</t>
    </rPh>
    <rPh sb="14" eb="16">
      <t>カツドウ</t>
    </rPh>
    <rPh sb="16" eb="18">
      <t>チョウサ</t>
    </rPh>
    <phoneticPr fontId="2"/>
  </si>
  <si>
    <t>資料：総務室（経済センサス－活動調査）</t>
    <rPh sb="0" eb="2">
      <t>シリョウ</t>
    </rPh>
    <rPh sb="14" eb="16">
      <t>カツドウ</t>
    </rPh>
    <rPh sb="16" eb="18">
      <t>チョウサ</t>
    </rPh>
    <phoneticPr fontId="2"/>
  </si>
  <si>
    <t>（各年６月１日現在調）</t>
    <rPh sb="1" eb="2">
      <t>カク</t>
    </rPh>
    <rPh sb="2" eb="3">
      <t>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>資料：総務室（商業統計調査、経済センサス－活動調査）</t>
    <rPh sb="0" eb="2">
      <t>シリョウ</t>
    </rPh>
    <rPh sb="7" eb="9">
      <t>ショウギョウ</t>
    </rPh>
    <rPh sb="14" eb="16">
      <t>ケイザイ</t>
    </rPh>
    <rPh sb="21" eb="23">
      <t>カツドウ</t>
    </rPh>
    <rPh sb="23" eb="25">
      <t>チョウサ</t>
    </rPh>
    <phoneticPr fontId="2"/>
  </si>
  <si>
    <t>機械器具小売業</t>
    <rPh sb="0" eb="2">
      <t>キカイ</t>
    </rPh>
    <rPh sb="2" eb="4">
      <t>キグ</t>
    </rPh>
    <rPh sb="4" eb="7">
      <t>コウリギョウ</t>
    </rPh>
    <phoneticPr fontId="2"/>
  </si>
  <si>
    <t>（各年６月１日現在調）</t>
    <rPh sb="1" eb="3">
      <t>カクネン</t>
    </rPh>
    <rPh sb="4" eb="5">
      <t>ガツ</t>
    </rPh>
    <rPh sb="6" eb="7">
      <t>ニチ</t>
    </rPh>
    <rPh sb="7" eb="9">
      <t>ゲンザイ</t>
    </rPh>
    <rPh sb="9" eb="10">
      <t>シラ</t>
    </rPh>
    <phoneticPr fontId="2"/>
  </si>
  <si>
    <t>６．商業の推移</t>
    <rPh sb="2" eb="4">
      <t>ショウギョウ</t>
    </rPh>
    <rPh sb="5" eb="7">
      <t>スイイ</t>
    </rPh>
    <phoneticPr fontId="2"/>
  </si>
  <si>
    <t>７．産業中分類別事業所数、従業者数及び年間商品販売額</t>
    <rPh sb="2" eb="4">
      <t>サンギョウ</t>
    </rPh>
    <rPh sb="4" eb="5">
      <t>チュウ</t>
    </rPh>
    <rPh sb="5" eb="7">
      <t>ブンルイ</t>
    </rPh>
    <rPh sb="7" eb="8">
      <t>ベツ</t>
    </rPh>
    <rPh sb="8" eb="11">
      <t>ジギョウショ</t>
    </rPh>
    <rPh sb="11" eb="12">
      <t>スウ</t>
    </rPh>
    <rPh sb="13" eb="16">
      <t>ジュウギョウシャ</t>
    </rPh>
    <rPh sb="16" eb="17">
      <t>スウ</t>
    </rPh>
    <rPh sb="17" eb="18">
      <t>オヨ</t>
    </rPh>
    <rPh sb="19" eb="21">
      <t>ネンカン</t>
    </rPh>
    <rPh sb="21" eb="23">
      <t>ショウヒン</t>
    </rPh>
    <rPh sb="23" eb="26">
      <t>ハンバイガク</t>
    </rPh>
    <phoneticPr fontId="2"/>
  </si>
  <si>
    <t>注１　端数処理のため、合計が一致しない場合がある。</t>
    <rPh sb="0" eb="1">
      <t>チュウ</t>
    </rPh>
    <rPh sb="3" eb="5">
      <t>ハスウ</t>
    </rPh>
    <rPh sb="5" eb="7">
      <t>ショリ</t>
    </rPh>
    <rPh sb="11" eb="13">
      <t>ゴウケイ</t>
    </rPh>
    <rPh sb="14" eb="16">
      <t>イッチ</t>
    </rPh>
    <rPh sb="19" eb="21">
      <t>バアイ</t>
    </rPh>
    <phoneticPr fontId="2"/>
  </si>
  <si>
    <t>令和　2年</t>
    <rPh sb="0" eb="2">
      <t>レイワ</t>
    </rPh>
    <rPh sb="4" eb="5">
      <t>ネン</t>
    </rPh>
    <phoneticPr fontId="2"/>
  </si>
  <si>
    <t>557(919)</t>
  </si>
  <si>
    <t>501(807)</t>
    <phoneticPr fontId="2"/>
  </si>
  <si>
    <t>…</t>
    <phoneticPr fontId="2"/>
  </si>
  <si>
    <t>…</t>
    <phoneticPr fontId="2"/>
  </si>
  <si>
    <t>…</t>
    <phoneticPr fontId="2"/>
  </si>
  <si>
    <t>注３　農家数の（　）は、総農家（販売農家と自給的農家の合計）の値。</t>
    <rPh sb="0" eb="1">
      <t>チュウ</t>
    </rPh>
    <rPh sb="3" eb="5">
      <t>ノウカ</t>
    </rPh>
    <rPh sb="5" eb="6">
      <t>スウ</t>
    </rPh>
    <rPh sb="12" eb="13">
      <t>ソウ</t>
    </rPh>
    <rPh sb="13" eb="15">
      <t>ノウカ</t>
    </rPh>
    <rPh sb="16" eb="18">
      <t>ハンバイ</t>
    </rPh>
    <rPh sb="18" eb="20">
      <t>ノウカ</t>
    </rPh>
    <rPh sb="21" eb="23">
      <t>ジキュウ</t>
    </rPh>
    <rPh sb="23" eb="24">
      <t>テキ</t>
    </rPh>
    <rPh sb="24" eb="26">
      <t>ノウカ</t>
    </rPh>
    <rPh sb="27" eb="29">
      <t>ゴウケイ</t>
    </rPh>
    <rPh sb="31" eb="32">
      <t>アタイ</t>
    </rPh>
    <phoneticPr fontId="2"/>
  </si>
  <si>
    <t>注１　平成２２年及び平成２７年は、販売農家のみの値。</t>
    <rPh sb="0" eb="1">
      <t>チュウ</t>
    </rPh>
    <rPh sb="3" eb="5">
      <t>ヘイセイ</t>
    </rPh>
    <rPh sb="7" eb="8">
      <t>ネン</t>
    </rPh>
    <rPh sb="8" eb="9">
      <t>オヨ</t>
    </rPh>
    <rPh sb="10" eb="12">
      <t>ヘイセイ</t>
    </rPh>
    <rPh sb="14" eb="15">
      <t>ネン</t>
    </rPh>
    <rPh sb="17" eb="19">
      <t>ハンバイ</t>
    </rPh>
    <rPh sb="19" eb="21">
      <t>ノウカ</t>
    </rPh>
    <rPh sb="24" eb="25">
      <t>アタイ</t>
    </rPh>
    <phoneticPr fontId="2"/>
  </si>
  <si>
    <t>注２　令和２年は、農業に６０日以上従事した世帯員の値。</t>
    <rPh sb="3" eb="5">
      <t>レイワ</t>
    </rPh>
    <rPh sb="6" eb="7">
      <t>ネン</t>
    </rPh>
    <rPh sb="9" eb="11">
      <t>ノウギョウ</t>
    </rPh>
    <rPh sb="14" eb="15">
      <t>ニチ</t>
    </rPh>
    <rPh sb="15" eb="17">
      <t>イジョウ</t>
    </rPh>
    <rPh sb="17" eb="19">
      <t>ジュウジ</t>
    </rPh>
    <rPh sb="21" eb="23">
      <t>セタイ</t>
    </rPh>
    <rPh sb="23" eb="24">
      <t>イン</t>
    </rPh>
    <phoneticPr fontId="2"/>
  </si>
  <si>
    <t>-</t>
    <phoneticPr fontId="2"/>
  </si>
  <si>
    <t>注４　令和２年より専兼業別の項目廃止のため、数値不明。</t>
    <rPh sb="0" eb="1">
      <t>チュウ</t>
    </rPh>
    <rPh sb="3" eb="5">
      <t>レイワ</t>
    </rPh>
    <rPh sb="6" eb="7">
      <t>ネン</t>
    </rPh>
    <rPh sb="9" eb="10">
      <t>セン</t>
    </rPh>
    <rPh sb="10" eb="12">
      <t>ケンギョウ</t>
    </rPh>
    <rPh sb="12" eb="13">
      <t>ベツ</t>
    </rPh>
    <rPh sb="14" eb="16">
      <t>コウモク</t>
    </rPh>
    <rPh sb="16" eb="18">
      <t>ハイシ</t>
    </rPh>
    <rPh sb="22" eb="24">
      <t>スウチ</t>
    </rPh>
    <rPh sb="24" eb="26">
      <t>フメイ</t>
    </rPh>
    <phoneticPr fontId="2"/>
  </si>
  <si>
    <t>注２　令和２年より専兼業別の項目廃止のため、数値不明。</t>
    <rPh sb="0" eb="1">
      <t>チュウ</t>
    </rPh>
    <rPh sb="3" eb="5">
      <t>レイワ</t>
    </rPh>
    <rPh sb="6" eb="7">
      <t>ネン</t>
    </rPh>
    <phoneticPr fontId="2"/>
  </si>
  <si>
    <t>令和　2年　</t>
    <rPh sb="0" eb="2">
      <t>レイワ</t>
    </rPh>
    <rPh sb="4" eb="5">
      <t>ネン</t>
    </rPh>
    <phoneticPr fontId="2"/>
  </si>
  <si>
    <t xml:space="preserve">… </t>
    <phoneticPr fontId="2"/>
  </si>
  <si>
    <t>…</t>
    <phoneticPr fontId="2"/>
  </si>
  <si>
    <t xml:space="preserve">… </t>
    <phoneticPr fontId="2"/>
  </si>
  <si>
    <t xml:space="preserve">… </t>
    <phoneticPr fontId="2"/>
  </si>
  <si>
    <t xml:space="preserve">… </t>
    <phoneticPr fontId="2"/>
  </si>
  <si>
    <t>注２　実数は実店舗数。（）内は店舗内店舗を含む店舗数。</t>
    <rPh sb="0" eb="1">
      <t>チュウ</t>
    </rPh>
    <rPh sb="3" eb="5">
      <t>ジッスウ</t>
    </rPh>
    <rPh sb="6" eb="7">
      <t>ジツ</t>
    </rPh>
    <rPh sb="7" eb="9">
      <t>テンポ</t>
    </rPh>
    <rPh sb="9" eb="10">
      <t>スウ</t>
    </rPh>
    <rPh sb="13" eb="14">
      <t>ナイ</t>
    </rPh>
    <rPh sb="15" eb="17">
      <t>テンポ</t>
    </rPh>
    <rPh sb="17" eb="18">
      <t>ナイ</t>
    </rPh>
    <rPh sb="18" eb="20">
      <t>テンポ</t>
    </rPh>
    <rPh sb="21" eb="22">
      <t>フク</t>
    </rPh>
    <rPh sb="23" eb="26">
      <t>テンポスウ</t>
    </rPh>
    <phoneticPr fontId="1"/>
  </si>
  <si>
    <t>注１　支所・出張所を含む。ATMのみの出張所は含まない。</t>
    <rPh sb="0" eb="1">
      <t>チュウ</t>
    </rPh>
    <rPh sb="3" eb="5">
      <t>シショ</t>
    </rPh>
    <rPh sb="6" eb="9">
      <t>シュッチョウショ</t>
    </rPh>
    <rPh sb="10" eb="11">
      <t>フク</t>
    </rPh>
    <rPh sb="19" eb="22">
      <t>シュッチョウジョ</t>
    </rPh>
    <rPh sb="23" eb="24">
      <t>フク</t>
    </rPh>
    <phoneticPr fontId="1"/>
  </si>
  <si>
    <t>令和 2年</t>
    <rPh sb="0" eb="2">
      <t>レイワ</t>
    </rPh>
    <rPh sb="4" eb="5">
      <t>ネン</t>
    </rPh>
    <phoneticPr fontId="2"/>
  </si>
  <si>
    <t>…</t>
  </si>
  <si>
    <t>‐</t>
  </si>
  <si>
    <t>注２　令和２年より休耕地の項目廃止のため、数値不明。</t>
    <rPh sb="9" eb="12">
      <t>キュウコウチ</t>
    </rPh>
    <phoneticPr fontId="2"/>
  </si>
  <si>
    <t>注２　令和２年度は100～300万円未満、500～1,000万円未満として集計。</t>
    <rPh sb="0" eb="1">
      <t>チュウ</t>
    </rPh>
    <rPh sb="3" eb="5">
      <t>レイワ</t>
    </rPh>
    <rPh sb="6" eb="8">
      <t>ネンド</t>
    </rPh>
    <rPh sb="16" eb="18">
      <t>マンエン</t>
    </rPh>
    <rPh sb="18" eb="20">
      <t>ミマン</t>
    </rPh>
    <rPh sb="30" eb="32">
      <t>マンエン</t>
    </rPh>
    <rPh sb="32" eb="34">
      <t>ミマン</t>
    </rPh>
    <rPh sb="37" eb="39">
      <t>シュウケイ</t>
    </rPh>
    <phoneticPr fontId="2"/>
  </si>
  <si>
    <t>-</t>
    <phoneticPr fontId="2"/>
  </si>
  <si>
    <t>注１　平成２２年、２７年は販売農家のみの値。</t>
    <rPh sb="0" eb="1">
      <t>チュウ</t>
    </rPh>
    <rPh sb="3" eb="5">
      <t>ヘイセイ</t>
    </rPh>
    <rPh sb="7" eb="8">
      <t>ネン</t>
    </rPh>
    <rPh sb="11" eb="12">
      <t>ネン</t>
    </rPh>
    <rPh sb="20" eb="21">
      <t>アタイ</t>
    </rPh>
    <phoneticPr fontId="2"/>
  </si>
  <si>
    <t>注１　平成２２年、２７年は販売農家のみの値。</t>
    <rPh sb="0" eb="1">
      <t>チュウ</t>
    </rPh>
    <rPh sb="3" eb="5">
      <t>ヘイセイ</t>
    </rPh>
    <rPh sb="7" eb="8">
      <t>ネン</t>
    </rPh>
    <rPh sb="11" eb="12">
      <t>ネン</t>
    </rPh>
    <rPh sb="13" eb="15">
      <t>ハンバイ</t>
    </rPh>
    <rPh sb="15" eb="17">
      <t>ノウカ</t>
    </rPh>
    <rPh sb="20" eb="21">
      <t>アタイ</t>
    </rPh>
    <phoneticPr fontId="2"/>
  </si>
  <si>
    <t>注１　平成２２年、２７年は販売農家のみの値。</t>
    <rPh sb="0" eb="1">
      <t>チュウ</t>
    </rPh>
    <rPh sb="20" eb="21">
      <t>アタイ</t>
    </rPh>
    <phoneticPr fontId="2"/>
  </si>
  <si>
    <t>-</t>
    <phoneticPr fontId="2"/>
  </si>
  <si>
    <t>注３　令和２年より農用機械個人所有台数の項目廃止のため、数値不明。</t>
    <phoneticPr fontId="2"/>
  </si>
  <si>
    <t>令和　2年</t>
    <rPh sb="0" eb="2">
      <t>レイワ</t>
    </rPh>
    <rPh sb="4" eb="5">
      <t>ネン</t>
    </rPh>
    <phoneticPr fontId="2"/>
  </si>
  <si>
    <t>-</t>
    <phoneticPr fontId="2"/>
  </si>
  <si>
    <t>X</t>
    <phoneticPr fontId="2"/>
  </si>
  <si>
    <t>X</t>
    <phoneticPr fontId="2"/>
  </si>
  <si>
    <t>（令和３年６月１日現在調）</t>
    <rPh sb="1" eb="3">
      <t>レイワ</t>
    </rPh>
    <rPh sb="4" eb="5">
      <t>ネン</t>
    </rPh>
    <rPh sb="6" eb="7">
      <t>ガツ</t>
    </rPh>
    <rPh sb="8" eb="9">
      <t>ニチ</t>
    </rPh>
    <phoneticPr fontId="2"/>
  </si>
  <si>
    <t>（各年３月３１日現在調）</t>
    <rPh sb="1" eb="3">
      <t>カクネン</t>
    </rPh>
    <rPh sb="4" eb="5">
      <t>ガツ</t>
    </rPh>
    <rPh sb="7" eb="8">
      <t>ニチ</t>
    </rPh>
    <rPh sb="8" eb="10">
      <t>ゲンザイ</t>
    </rPh>
    <rPh sb="10" eb="11">
      <t>シラ</t>
    </rPh>
    <phoneticPr fontId="2"/>
  </si>
  <si>
    <t>８．京田辺市商工会</t>
    <rPh sb="2" eb="3">
      <t>キョウ</t>
    </rPh>
    <rPh sb="3" eb="5">
      <t>タナベ</t>
    </rPh>
    <rPh sb="5" eb="6">
      <t>シ</t>
    </rPh>
    <rPh sb="6" eb="9">
      <t>ショウコウカイ</t>
    </rPh>
    <phoneticPr fontId="2"/>
  </si>
  <si>
    <t>９．農家数及び農家人口</t>
    <rPh sb="2" eb="4">
      <t>ノウカ</t>
    </rPh>
    <rPh sb="4" eb="5">
      <t>スウ</t>
    </rPh>
    <rPh sb="5" eb="6">
      <t>オヨ</t>
    </rPh>
    <rPh sb="7" eb="8">
      <t>ノウギョウ</t>
    </rPh>
    <rPh sb="8" eb="9">
      <t>イエ</t>
    </rPh>
    <rPh sb="9" eb="11">
      <t>ジンコウ</t>
    </rPh>
    <phoneticPr fontId="2"/>
  </si>
  <si>
    <t>１０．年齢別世帯員数</t>
    <rPh sb="3" eb="5">
      <t>ネンレイ</t>
    </rPh>
    <rPh sb="5" eb="6">
      <t>ベツ</t>
    </rPh>
    <rPh sb="6" eb="9">
      <t>セタイイン</t>
    </rPh>
    <rPh sb="9" eb="10">
      <t>スウ</t>
    </rPh>
    <phoneticPr fontId="2"/>
  </si>
  <si>
    <t>１１．専業･兼業別農家数</t>
    <rPh sb="3" eb="5">
      <t>センギョウ</t>
    </rPh>
    <rPh sb="6" eb="8">
      <t>ケンギョウ</t>
    </rPh>
    <rPh sb="8" eb="9">
      <t>ベツ</t>
    </rPh>
    <rPh sb="9" eb="11">
      <t>ノウカ</t>
    </rPh>
    <rPh sb="11" eb="12">
      <t>スウ</t>
    </rPh>
    <phoneticPr fontId="2"/>
  </si>
  <si>
    <t>１２．経営耕地面積</t>
    <rPh sb="3" eb="5">
      <t>ケイエイ</t>
    </rPh>
    <rPh sb="5" eb="7">
      <t>コウチ</t>
    </rPh>
    <rPh sb="7" eb="9">
      <t>メンセキ</t>
    </rPh>
    <phoneticPr fontId="2"/>
  </si>
  <si>
    <t>１３．経営耕地面積規模別農家数</t>
    <rPh sb="3" eb="5">
      <t>ケイエイ</t>
    </rPh>
    <rPh sb="5" eb="7">
      <t>コウチ</t>
    </rPh>
    <rPh sb="7" eb="9">
      <t>メンセキ</t>
    </rPh>
    <rPh sb="9" eb="11">
      <t>キボ</t>
    </rPh>
    <rPh sb="11" eb="12">
      <t>ベツ</t>
    </rPh>
    <rPh sb="12" eb="14">
      <t>ノウカ</t>
    </rPh>
    <rPh sb="14" eb="15">
      <t>スウ</t>
    </rPh>
    <phoneticPr fontId="2"/>
  </si>
  <si>
    <t>１４．農産物販売金額別農家数</t>
    <rPh sb="3" eb="6">
      <t>ノウサンブツ</t>
    </rPh>
    <rPh sb="6" eb="8">
      <t>ハンバイ</t>
    </rPh>
    <rPh sb="8" eb="10">
      <t>キンガク</t>
    </rPh>
    <rPh sb="10" eb="11">
      <t>ベツ</t>
    </rPh>
    <rPh sb="11" eb="13">
      <t>ノウカ</t>
    </rPh>
    <rPh sb="13" eb="14">
      <t>スウ</t>
    </rPh>
    <phoneticPr fontId="2"/>
  </si>
  <si>
    <t>１５．農産物販売金額１位の部門別農家数</t>
    <rPh sb="3" eb="6">
      <t>ノウサンブツ</t>
    </rPh>
    <rPh sb="6" eb="8">
      <t>ハンバイ</t>
    </rPh>
    <rPh sb="8" eb="10">
      <t>キンガク</t>
    </rPh>
    <rPh sb="11" eb="12">
      <t>イ</t>
    </rPh>
    <rPh sb="13" eb="16">
      <t>ブモンベツ</t>
    </rPh>
    <rPh sb="16" eb="18">
      <t>ノウカ</t>
    </rPh>
    <rPh sb="18" eb="19">
      <t>スウ</t>
    </rPh>
    <phoneticPr fontId="2"/>
  </si>
  <si>
    <t>１６．農作物の類別作付け面積</t>
    <rPh sb="3" eb="6">
      <t>ノウサクモツ</t>
    </rPh>
    <rPh sb="7" eb="9">
      <t>ルイベツ</t>
    </rPh>
    <rPh sb="9" eb="11">
      <t>サクツ</t>
    </rPh>
    <rPh sb="12" eb="14">
      <t>メンセキ</t>
    </rPh>
    <phoneticPr fontId="2"/>
  </si>
  <si>
    <t>１７．家畜飼養頭羽数</t>
    <rPh sb="3" eb="5">
      <t>カチク</t>
    </rPh>
    <rPh sb="5" eb="7">
      <t>シヨウ</t>
    </rPh>
    <rPh sb="7" eb="8">
      <t>アタマ</t>
    </rPh>
    <rPh sb="8" eb="9">
      <t>ハネ</t>
    </rPh>
    <rPh sb="9" eb="10">
      <t>カズ</t>
    </rPh>
    <phoneticPr fontId="2"/>
  </si>
  <si>
    <t>１８．農用機械個人所有台数</t>
    <rPh sb="3" eb="4">
      <t>ノウ</t>
    </rPh>
    <rPh sb="4" eb="5">
      <t>ヨウ</t>
    </rPh>
    <rPh sb="5" eb="7">
      <t>キカイ</t>
    </rPh>
    <rPh sb="7" eb="9">
      <t>コジン</t>
    </rPh>
    <rPh sb="9" eb="11">
      <t>ショユウ</t>
    </rPh>
    <rPh sb="11" eb="13">
      <t>ダイスウ</t>
    </rPh>
    <phoneticPr fontId="2"/>
  </si>
  <si>
    <t>１９．農作物（水稲）の収穫量</t>
    <rPh sb="3" eb="6">
      <t>ノウサクモツ</t>
    </rPh>
    <rPh sb="7" eb="9">
      <t>スイトウ</t>
    </rPh>
    <rPh sb="11" eb="13">
      <t>シュウカク</t>
    </rPh>
    <rPh sb="13" eb="14">
      <t>リョウ</t>
    </rPh>
    <phoneticPr fontId="2"/>
  </si>
  <si>
    <t>２０．農地転用の状況</t>
    <rPh sb="3" eb="5">
      <t>ノウチ</t>
    </rPh>
    <rPh sb="5" eb="7">
      <t>テンヨウ</t>
    </rPh>
    <rPh sb="8" eb="10">
      <t>ジョウキョウ</t>
    </rPh>
    <phoneticPr fontId="2"/>
  </si>
  <si>
    <t>２１．施設園芸の推移</t>
    <rPh sb="3" eb="5">
      <t>シセツ</t>
    </rPh>
    <rPh sb="5" eb="7">
      <t>エンゲイ</t>
    </rPh>
    <rPh sb="8" eb="10">
      <t>スイイ</t>
    </rPh>
    <phoneticPr fontId="2"/>
  </si>
  <si>
    <t>２２．茶園面積</t>
    <rPh sb="3" eb="5">
      <t>チャエン</t>
    </rPh>
    <rPh sb="5" eb="7">
      <t>メンセキ</t>
    </rPh>
    <phoneticPr fontId="2"/>
  </si>
  <si>
    <t>２３．荒茶生産量</t>
    <rPh sb="3" eb="4">
      <t>アラ</t>
    </rPh>
    <rPh sb="4" eb="5">
      <t>チャ</t>
    </rPh>
    <rPh sb="5" eb="8">
      <t>セイサンリョウ</t>
    </rPh>
    <phoneticPr fontId="2"/>
  </si>
  <si>
    <t>２４．全国茶品評会出品点数及び入賞点数</t>
    <rPh sb="3" eb="5">
      <t>ゼンコク</t>
    </rPh>
    <rPh sb="5" eb="6">
      <t>チャ</t>
    </rPh>
    <rPh sb="6" eb="8">
      <t>ヒンピョウ</t>
    </rPh>
    <rPh sb="8" eb="9">
      <t>カイ</t>
    </rPh>
    <rPh sb="9" eb="11">
      <t>シュッピン</t>
    </rPh>
    <rPh sb="11" eb="13">
      <t>テンスウ</t>
    </rPh>
    <rPh sb="13" eb="14">
      <t>オヨ</t>
    </rPh>
    <rPh sb="15" eb="17">
      <t>ニュウショウ</t>
    </rPh>
    <rPh sb="17" eb="19">
      <t>テンスウ</t>
    </rPh>
    <phoneticPr fontId="2"/>
  </si>
  <si>
    <t>２５．JA京都やましろ（京田辺市分）</t>
    <rPh sb="5" eb="7">
      <t>キョウト</t>
    </rPh>
    <rPh sb="12" eb="16">
      <t>キョウタナベシ</t>
    </rPh>
    <rPh sb="16" eb="17">
      <t>ブン</t>
    </rPh>
    <phoneticPr fontId="2"/>
  </si>
  <si>
    <t>２６．林野面積</t>
    <rPh sb="3" eb="5">
      <t>リンヤ</t>
    </rPh>
    <rPh sb="5" eb="7">
      <t>メンセキ</t>
    </rPh>
    <phoneticPr fontId="2"/>
  </si>
  <si>
    <t>２７．金融機関店舗数</t>
    <rPh sb="3" eb="5">
      <t>キンユウ</t>
    </rPh>
    <rPh sb="5" eb="7">
      <t>キカン</t>
    </rPh>
    <rPh sb="7" eb="10">
      <t>テンポスウ</t>
    </rPh>
    <phoneticPr fontId="2"/>
  </si>
  <si>
    <t>令和３年</t>
    <rPh sb="0" eb="2">
      <t>レイワ</t>
    </rPh>
    <rPh sb="3" eb="4">
      <t>ネン</t>
    </rPh>
    <phoneticPr fontId="2"/>
  </si>
  <si>
    <t>-</t>
    <phoneticPr fontId="2"/>
  </si>
  <si>
    <t>-</t>
    <phoneticPr fontId="2"/>
  </si>
  <si>
    <t>（令和３年６月１日現在調）</t>
    <rPh sb="1" eb="3">
      <t>レイワ</t>
    </rPh>
    <rPh sb="4" eb="5">
      <t>ネン</t>
    </rPh>
    <rPh sb="5" eb="6">
      <t>ヘイネン</t>
    </rPh>
    <rPh sb="6" eb="7">
      <t>ガツ</t>
    </rPh>
    <rPh sb="7" eb="9">
      <t>ツイタチ</t>
    </rPh>
    <rPh sb="9" eb="11">
      <t>ゲンザイ</t>
    </rPh>
    <rPh sb="11" eb="12">
      <t>シラ</t>
    </rPh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注２　令和元年及び令和２年は、工業統計調査の数値。</t>
    <rPh sb="3" eb="5">
      <t>レイワ</t>
    </rPh>
    <rPh sb="5" eb="7">
      <t>ガンネン</t>
    </rPh>
    <rPh sb="7" eb="8">
      <t>オヨ</t>
    </rPh>
    <rPh sb="9" eb="11">
      <t>レイワ</t>
    </rPh>
    <rPh sb="12" eb="13">
      <t>ネン</t>
    </rPh>
    <rPh sb="15" eb="17">
      <t>コウギョウ</t>
    </rPh>
    <rPh sb="17" eb="19">
      <t>トウケイ</t>
    </rPh>
    <rPh sb="19" eb="21">
      <t>チョウサ</t>
    </rPh>
    <rPh sb="22" eb="24">
      <t>スウチ</t>
    </rPh>
    <phoneticPr fontId="2"/>
  </si>
  <si>
    <t>資料：総務室（工業統計調査、経済センサス－活動調査）</t>
    <rPh sb="0" eb="2">
      <t>シリョウ</t>
    </rPh>
    <rPh sb="7" eb="9">
      <t>コウギョウ</t>
    </rPh>
    <phoneticPr fontId="2"/>
  </si>
  <si>
    <t>注３　令和３年は、経済センサス－活動調査の数値。</t>
    <rPh sb="0" eb="1">
      <t>チュウ</t>
    </rPh>
    <rPh sb="3" eb="5">
      <t>レイワ</t>
    </rPh>
    <rPh sb="6" eb="7">
      <t>ネン</t>
    </rPh>
    <rPh sb="21" eb="23">
      <t>スウチ</t>
    </rPh>
    <phoneticPr fontId="2"/>
  </si>
  <si>
    <t>　４～ 　９人</t>
    <rPh sb="5" eb="7">
      <t>９ニン</t>
    </rPh>
    <phoneticPr fontId="2"/>
  </si>
  <si>
    <t>５．産業中分類別事業所数、従業者数、現金給与総額、原材料使用額等、製造品出荷額等及び付加価値額</t>
    <rPh sb="2" eb="4">
      <t>サンギョウ</t>
    </rPh>
    <rPh sb="4" eb="5">
      <t>チュウ</t>
    </rPh>
    <rPh sb="5" eb="7">
      <t>ブンルイ</t>
    </rPh>
    <rPh sb="7" eb="8">
      <t>ベツ</t>
    </rPh>
    <rPh sb="8" eb="11">
      <t>ジギョウショ</t>
    </rPh>
    <rPh sb="11" eb="12">
      <t>スウ</t>
    </rPh>
    <rPh sb="13" eb="14">
      <t>ジュウ</t>
    </rPh>
    <rPh sb="14" eb="17">
      <t>ギョウシャスウ</t>
    </rPh>
    <rPh sb="18" eb="20">
      <t>ゲンキン</t>
    </rPh>
    <rPh sb="20" eb="22">
      <t>キュウヨ</t>
    </rPh>
    <rPh sb="22" eb="24">
      <t>ソウガク</t>
    </rPh>
    <rPh sb="25" eb="28">
      <t>ゲンザイリョウ</t>
    </rPh>
    <rPh sb="28" eb="30">
      <t>シヨウ</t>
    </rPh>
    <rPh sb="30" eb="32">
      <t>ガクナド</t>
    </rPh>
    <rPh sb="40" eb="41">
      <t>オヨ</t>
    </rPh>
    <rPh sb="42" eb="44">
      <t>フカ</t>
    </rPh>
    <rPh sb="44" eb="47">
      <t>カチガク</t>
    </rPh>
    <phoneticPr fontId="2"/>
  </si>
  <si>
    <t>うち、常用雇用者</t>
    <rPh sb="3" eb="5">
      <t>ジョウヨウ</t>
    </rPh>
    <rPh sb="5" eb="8">
      <t>コヨウシャ</t>
    </rPh>
    <phoneticPr fontId="2"/>
  </si>
  <si>
    <t>無期雇用者</t>
    <rPh sb="0" eb="2">
      <t>ムキ</t>
    </rPh>
    <rPh sb="2" eb="5">
      <t>コヨウシャ</t>
    </rPh>
    <phoneticPr fontId="2"/>
  </si>
  <si>
    <t>有期雇用者
（１か月以上）</t>
    <rPh sb="0" eb="2">
      <t>ユウキ</t>
    </rPh>
    <rPh sb="2" eb="5">
      <t>コヨウシャ</t>
    </rPh>
    <rPh sb="9" eb="10">
      <t>ゲツ</t>
    </rPh>
    <rPh sb="10" eb="12">
      <t>イジョウ</t>
    </rPh>
    <phoneticPr fontId="2"/>
  </si>
  <si>
    <t>原 材 料
使用額等</t>
    <rPh sb="0" eb="5">
      <t>ゲンザイリョウ</t>
    </rPh>
    <rPh sb="6" eb="8">
      <t>シヨウ</t>
    </rPh>
    <rPh sb="8" eb="9">
      <t>ガク</t>
    </rPh>
    <rPh sb="9" eb="10">
      <t>トウ</t>
    </rPh>
    <phoneticPr fontId="2"/>
  </si>
  <si>
    <t>製　造　品　出　荷　額　等</t>
    <rPh sb="0" eb="1">
      <t>セイ</t>
    </rPh>
    <rPh sb="2" eb="3">
      <t>ヅクリ</t>
    </rPh>
    <rPh sb="4" eb="5">
      <t>ヒン</t>
    </rPh>
    <rPh sb="6" eb="7">
      <t>デ</t>
    </rPh>
    <rPh sb="8" eb="9">
      <t>ニ</t>
    </rPh>
    <rPh sb="10" eb="11">
      <t>ガク</t>
    </rPh>
    <rPh sb="12" eb="13">
      <t>トウ</t>
    </rPh>
    <phoneticPr fontId="2"/>
  </si>
  <si>
    <t>製 造 品         出 荷 額</t>
    <rPh sb="0" eb="1">
      <t>セイ</t>
    </rPh>
    <rPh sb="2" eb="3">
      <t>ヅクリ</t>
    </rPh>
    <rPh sb="4" eb="5">
      <t>ヒン</t>
    </rPh>
    <rPh sb="14" eb="15">
      <t>デ</t>
    </rPh>
    <rPh sb="16" eb="17">
      <t>ニ</t>
    </rPh>
    <rPh sb="18" eb="19">
      <t>ガク</t>
    </rPh>
    <phoneticPr fontId="2"/>
  </si>
  <si>
    <t>加工賃
収入額</t>
    <rPh sb="0" eb="3">
      <t>カコウチン</t>
    </rPh>
    <rPh sb="4" eb="6">
      <t>シュウニュウ</t>
    </rPh>
    <rPh sb="6" eb="7">
      <t>ガク</t>
    </rPh>
    <phoneticPr fontId="2"/>
  </si>
  <si>
    <t>その他
収入額</t>
    <rPh sb="2" eb="3">
      <t>タ</t>
    </rPh>
    <rPh sb="4" eb="6">
      <t>シュウニュウ</t>
    </rPh>
    <rPh sb="6" eb="7">
      <t>ガク</t>
    </rPh>
    <phoneticPr fontId="2"/>
  </si>
  <si>
    <t>Ｘ</t>
  </si>
  <si>
    <t>資料：総務室（経済センサス－活動調査）</t>
    <phoneticPr fontId="2"/>
  </si>
  <si>
    <t>（平成２６年は７月１日現在調、平成２８年及び令和３年は６月１日現在調）</t>
    <rPh sb="15" eb="17">
      <t>ヘイセイ</t>
    </rPh>
    <rPh sb="19" eb="20">
      <t>ネン</t>
    </rPh>
    <rPh sb="20" eb="21">
      <t>オヨ</t>
    </rPh>
    <rPh sb="22" eb="24">
      <t>レイワ</t>
    </rPh>
    <rPh sb="25" eb="26">
      <t>ネン</t>
    </rPh>
    <rPh sb="28" eb="29">
      <t>ガツ</t>
    </rPh>
    <rPh sb="30" eb="31">
      <t>ニチ</t>
    </rPh>
    <rPh sb="31" eb="33">
      <t>ゲンザイ</t>
    </rPh>
    <rPh sb="33" eb="34">
      <t>シラ</t>
    </rPh>
    <phoneticPr fontId="2"/>
  </si>
  <si>
    <t>注2　平成26年は商業統計調査、平成２８年及び令和３年は経済センサス－活動調査による。</t>
    <rPh sb="0" eb="1">
      <t>チュウ</t>
    </rPh>
    <rPh sb="3" eb="5">
      <t>ヘイセイ</t>
    </rPh>
    <rPh sb="7" eb="8">
      <t>ネン</t>
    </rPh>
    <rPh sb="9" eb="11">
      <t>ショウギョウ</t>
    </rPh>
    <rPh sb="11" eb="13">
      <t>トウケイ</t>
    </rPh>
    <rPh sb="13" eb="15">
      <t>チョウサ</t>
    </rPh>
    <rPh sb="16" eb="18">
      <t>ヘイセイ</t>
    </rPh>
    <rPh sb="20" eb="21">
      <t>ネン</t>
    </rPh>
    <rPh sb="21" eb="22">
      <t>オヨ</t>
    </rPh>
    <rPh sb="23" eb="25">
      <t>レイワ</t>
    </rPh>
    <rPh sb="26" eb="27">
      <t>ネン</t>
    </rPh>
    <rPh sb="28" eb="30">
      <t>ケイザイ</t>
    </rPh>
    <rPh sb="35" eb="37">
      <t>カツドウ</t>
    </rPh>
    <rPh sb="37" eb="39">
      <t>チョウサ</t>
    </rPh>
    <phoneticPr fontId="2"/>
  </si>
  <si>
    <t>年間商品販売額（億円）</t>
    <rPh sb="0" eb="2">
      <t>ネンカン</t>
    </rPh>
    <rPh sb="2" eb="4">
      <t>ショウヒン</t>
    </rPh>
    <rPh sb="4" eb="6">
      <t>ハンバイ</t>
    </rPh>
    <rPh sb="6" eb="7">
      <t>ガク</t>
    </rPh>
    <rPh sb="8" eb="10">
      <t>オクエン</t>
    </rPh>
    <phoneticPr fontId="2"/>
  </si>
  <si>
    <t>無店舗小売業</t>
    <rPh sb="0" eb="3">
      <t>ムテンポ</t>
    </rPh>
    <rPh sb="3" eb="6">
      <t>コウリギョウ</t>
    </rPh>
    <phoneticPr fontId="2"/>
  </si>
  <si>
    <t>資料：総務室（経済センサス－活動調査）</t>
    <phoneticPr fontId="2"/>
  </si>
  <si>
    <t>（令和３年６月１日現在調）</t>
    <rPh sb="1" eb="3">
      <t>レイワ</t>
    </rPh>
    <rPh sb="4" eb="5">
      <t>ネン</t>
    </rPh>
    <rPh sb="5" eb="6">
      <t>ヘイネン</t>
    </rPh>
    <rPh sb="6" eb="7">
      <t>ガツ</t>
    </rPh>
    <rPh sb="8" eb="9">
      <t>ニチ</t>
    </rPh>
    <rPh sb="9" eb="11">
      <t>ゲンザイ</t>
    </rPh>
    <rPh sb="11" eb="12">
      <t>シラ</t>
    </rPh>
    <phoneticPr fontId="2"/>
  </si>
  <si>
    <t>-</t>
    <phoneticPr fontId="2"/>
  </si>
  <si>
    <t>建築材料・鉱物・金属材料等卸売業</t>
    <rPh sb="0" eb="2">
      <t>ケンチク</t>
    </rPh>
    <rPh sb="2" eb="4">
      <t>ザイリョウ</t>
    </rPh>
    <rPh sb="5" eb="7">
      <t>コウブツ</t>
    </rPh>
    <rPh sb="8" eb="10">
      <t>キンゾク</t>
    </rPh>
    <rPh sb="10" eb="12">
      <t>ザイリョウ</t>
    </rPh>
    <rPh sb="12" eb="13">
      <t>トウ</t>
    </rPh>
    <rPh sb="13" eb="16">
      <t>オロシウリギョウ</t>
    </rPh>
    <phoneticPr fontId="2"/>
  </si>
  <si>
    <t>織物・衣服・身の回り品小売業</t>
    <rPh sb="0" eb="2">
      <t>オリモノ</t>
    </rPh>
    <rPh sb="3" eb="5">
      <t>イフク</t>
    </rPh>
    <rPh sb="6" eb="7">
      <t>ミ</t>
    </rPh>
    <rPh sb="8" eb="9">
      <t>マワ</t>
    </rPh>
    <rPh sb="10" eb="11">
      <t>ヒン</t>
    </rPh>
    <rPh sb="11" eb="14">
      <t>コウリギョウ</t>
    </rPh>
    <phoneticPr fontId="2"/>
  </si>
  <si>
    <t>-</t>
    <phoneticPr fontId="2"/>
  </si>
  <si>
    <t>年間商品販売額
（億円）</t>
    <rPh sb="0" eb="2">
      <t>ネンカン</t>
    </rPh>
    <rPh sb="2" eb="4">
      <t>ショウヒン</t>
    </rPh>
    <rPh sb="4" eb="7">
      <t>ハンバイガク</t>
    </rPh>
    <rPh sb="9" eb="10">
      <t>オク</t>
    </rPh>
    <rPh sb="10" eb="11">
      <t>エン</t>
    </rPh>
    <phoneticPr fontId="2"/>
  </si>
  <si>
    <t>-</t>
    <phoneticPr fontId="2"/>
  </si>
  <si>
    <t>X</t>
    <phoneticPr fontId="2"/>
  </si>
  <si>
    <t>X</t>
    <phoneticPr fontId="2"/>
  </si>
  <si>
    <t>準職37名含む</t>
  </si>
  <si>
    <t>令和元年</t>
    <rPh sb="0" eb="2">
      <t>レイワ</t>
    </rPh>
    <rPh sb="2" eb="4">
      <t>ガンネン</t>
    </rPh>
    <phoneticPr fontId="2"/>
  </si>
  <si>
    <t>（令和７年４月１日現在調）</t>
    <rPh sb="1" eb="3">
      <t>レイワ</t>
    </rPh>
    <rPh sb="4" eb="5">
      <t>ネン</t>
    </rPh>
    <rPh sb="6" eb="7">
      <t>ガツ</t>
    </rPh>
    <rPh sb="8" eb="11">
      <t>ニチゲンザイ</t>
    </rPh>
    <rPh sb="9" eb="11">
      <t>ゲンザイ</t>
    </rPh>
    <rPh sb="11" eb="12">
      <t>シラ</t>
    </rPh>
    <phoneticPr fontId="2"/>
  </si>
  <si>
    <t>1</t>
  </si>
  <si>
    <t>4</t>
  </si>
  <si>
    <t>準職42名含む</t>
    <phoneticPr fontId="2"/>
  </si>
  <si>
    <t>準職49名含む</t>
    <phoneticPr fontId="2"/>
  </si>
  <si>
    <t>20 (23)</t>
  </si>
  <si>
    <t>5 (7)</t>
  </si>
  <si>
    <t>6 (6)</t>
  </si>
  <si>
    <t>1 (2)</t>
  </si>
  <si>
    <t>8 (8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5">
    <numFmt numFmtId="42" formatCode="_ &quot;¥&quot;* #,##0_ ;_ &quot;¥&quot;* \-#,##0_ ;_ &quot;¥&quot;* &quot;-&quot;_ ;_ @_ "/>
    <numFmt numFmtId="41" formatCode="_ * #,##0_ ;_ * \-#,##0_ ;_ * &quot;-&quot;_ ;_ @_ "/>
    <numFmt numFmtId="176" formatCode="#,##0_ "/>
    <numFmt numFmtId="177" formatCode="#,##0;&quot;△ &quot;#,##0"/>
    <numFmt numFmtId="178" formatCode="0_);[Red]\(0\)"/>
    <numFmt numFmtId="179" formatCode="#,##0_);[Red]\(#,##0\)"/>
    <numFmt numFmtId="180" formatCode="#,##0.0_);[Red]\(#,##0.0\)"/>
    <numFmt numFmtId="181" formatCode="#,##0_);\(#,##0\)"/>
    <numFmt numFmtId="182" formatCode="#,##0.0;&quot;△ &quot;#,##0.0"/>
    <numFmt numFmtId="183" formatCode="0&quot; 年&quot;"/>
    <numFmt numFmtId="184" formatCode="0&quot;年&quot;"/>
    <numFmt numFmtId="185" formatCode="#,##0\ ;\-#,###\ ;\-\ "/>
    <numFmt numFmtId="186" formatCode="@\ "/>
    <numFmt numFmtId="187" formatCode="#,##0\ ;&quot;△ &quot;#,##0\ ;@\ "/>
    <numFmt numFmtId="188" formatCode="#,##0\ ;&quot;△ &quot;#,##0\ ;\-\ "/>
    <numFmt numFmtId="189" formatCode="#,##0\ ;&quot;△ &quot;#,##0\ ;\-\ \ "/>
    <numFmt numFmtId="190" formatCode="#,##0_);[Red]\(#,##0\);@\ "/>
    <numFmt numFmtId="191" formatCode="#,##0\ ;&quot;△ &quot;#,##0\ ;\-\ \ ;@\ "/>
    <numFmt numFmtId="192" formatCode="&quot;平成 &quot;0&quot;年　&quot;"/>
    <numFmt numFmtId="193" formatCode="0&quot;年　&quot;"/>
    <numFmt numFmtId="194" formatCode="&quot;平成  &quot;0&quot;年&quot;"/>
    <numFmt numFmtId="195" formatCode="&quot;平成  &quot;0&quot;年　&quot;"/>
    <numFmt numFmtId="196" formatCode="#,##0\ "/>
    <numFmt numFmtId="197" formatCode="#,##0.00\ \ "/>
    <numFmt numFmtId="198" formatCode="#,##0.0\ "/>
    <numFmt numFmtId="199" formatCode="#,##0\ ;\-#,###\ ;\-\ \ ;@\ "/>
    <numFmt numFmtId="200" formatCode="#,##0.00_ ;&quot;△ &quot;#,##0.00_ ;@_ "/>
    <numFmt numFmtId="201" formatCode="0.0_);[Red]\(0.0\)"/>
    <numFmt numFmtId="202" formatCode="#,##0_ ;[Red]\-#,##0\ "/>
    <numFmt numFmtId="203" formatCode="_ * #,##0;_ * \-#,##0;_ * &quot;-&quot;\ ;_ @\ "/>
    <numFmt numFmtId="204" formatCode="&quot;令和 &quot;0&quot;年&quot;"/>
    <numFmt numFmtId="205" formatCode="0_ "/>
    <numFmt numFmtId="206" formatCode="&quot;令和  &quot;0&quot;年&quot;"/>
    <numFmt numFmtId="207" formatCode="#,##0_ ;&quot;△ &quot;#,##0_ ;@_ "/>
    <numFmt numFmtId="208" formatCode="&quot;令和 &quot;0&quot;年　&quot;"/>
  </numFmts>
  <fonts count="4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14"/>
      <name val="ＭＳ Ｐ明朝"/>
      <family val="1"/>
      <charset val="128"/>
    </font>
    <font>
      <sz val="10"/>
      <name val="ＭＳ Ｐ明朝"/>
      <family val="1"/>
      <charset val="128"/>
    </font>
    <font>
      <b/>
      <sz val="12"/>
      <name val="ＭＳ Ｐ明朝"/>
      <family val="1"/>
      <charset val="128"/>
    </font>
    <font>
      <sz val="12"/>
      <name val="ＭＳ Ｐゴシック"/>
      <family val="3"/>
      <charset val="128"/>
    </font>
    <font>
      <sz val="9"/>
      <name val="ＭＳ Ｐ明朝"/>
      <family val="1"/>
      <charset val="128"/>
    </font>
    <font>
      <sz val="10"/>
      <name val="ＭＳ 明朝"/>
      <family val="1"/>
      <charset val="128"/>
    </font>
    <font>
      <b/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vertAlign val="superscript"/>
      <sz val="10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9"/>
      <name val="ＭＳ 明朝"/>
      <family val="1"/>
      <charset val="128"/>
    </font>
    <font>
      <sz val="10"/>
      <color indexed="8"/>
      <name val="ＭＳ Ｐ明朝"/>
      <family val="1"/>
      <charset val="128"/>
    </font>
    <font>
      <b/>
      <sz val="10"/>
      <color indexed="8"/>
      <name val="ＭＳ Ｐゴシック"/>
      <family val="3"/>
      <charset val="128"/>
    </font>
    <font>
      <b/>
      <sz val="11"/>
      <name val="ＭＳ Ｐ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sz val="9"/>
      <color indexed="8"/>
      <name val="ＭＳ Ｐ明朝"/>
      <family val="1"/>
      <charset val="128"/>
    </font>
    <font>
      <b/>
      <sz val="18"/>
      <color theme="3"/>
      <name val="ＭＳ Ｐゴシック"/>
      <family val="3"/>
      <charset val="128"/>
    </font>
    <font>
      <sz val="11"/>
      <color rgb="FF9C6500"/>
      <name val="ＭＳ Ｐゴシック"/>
      <family val="3"/>
      <charset val="128"/>
    </font>
    <font>
      <sz val="11"/>
      <color rgb="FFFA7D00"/>
      <name val="ＭＳ Ｐゴシック"/>
      <family val="3"/>
      <charset val="128"/>
    </font>
    <font>
      <sz val="11"/>
      <color rgb="FF9C0006"/>
      <name val="ＭＳ Ｐゴシック"/>
      <family val="3"/>
      <charset val="128"/>
    </font>
    <font>
      <b/>
      <sz val="11"/>
      <color rgb="FFFA7D00"/>
      <name val="ＭＳ Ｐゴシック"/>
      <family val="3"/>
      <charset val="128"/>
    </font>
    <font>
      <b/>
      <sz val="15"/>
      <color theme="3"/>
      <name val="ＭＳ Ｐゴシック"/>
      <family val="3"/>
      <charset val="128"/>
    </font>
    <font>
      <b/>
      <sz val="13"/>
      <color theme="3"/>
      <name val="ＭＳ Ｐゴシック"/>
      <family val="3"/>
      <charset val="128"/>
    </font>
    <font>
      <b/>
      <sz val="11"/>
      <color theme="3"/>
      <name val="ＭＳ Ｐゴシック"/>
      <family val="3"/>
      <charset val="128"/>
    </font>
    <font>
      <b/>
      <sz val="11"/>
      <color rgb="FF3F3F3F"/>
      <name val="ＭＳ Ｐゴシック"/>
      <family val="3"/>
      <charset val="128"/>
    </font>
    <font>
      <i/>
      <sz val="11"/>
      <color rgb="FF7F7F7F"/>
      <name val="ＭＳ Ｐゴシック"/>
      <family val="3"/>
      <charset val="128"/>
    </font>
    <font>
      <sz val="11"/>
      <color rgb="FF3F3F76"/>
      <name val="ＭＳ Ｐゴシック"/>
      <family val="3"/>
      <charset val="128"/>
    </font>
    <font>
      <sz val="11"/>
      <color rgb="FF006100"/>
      <name val="ＭＳ Ｐゴシック"/>
      <family val="3"/>
      <charset val="128"/>
    </font>
    <font>
      <b/>
      <sz val="10"/>
      <name val="ＭＳ Ｐゴシック"/>
      <family val="3"/>
      <charset val="128"/>
      <scheme val="minor"/>
    </font>
    <font>
      <sz val="9"/>
      <color theme="1"/>
      <name val="ＭＳ Ｐ明朝"/>
      <family val="1"/>
      <charset val="128"/>
    </font>
    <font>
      <sz val="11"/>
      <color rgb="FF000000"/>
      <name val="ＭＳ Ｐゴシック"/>
      <family val="2"/>
      <charset val="128"/>
      <scheme val="minor"/>
    </font>
  </fonts>
  <fills count="35">
    <fill>
      <patternFill patternType="none"/>
    </fill>
    <fill>
      <patternFill patternType="gray125"/>
    </fill>
    <fill>
      <patternFill patternType="solid">
        <fgColor indexed="31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4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indexed="36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rgb="FFFFFF00"/>
        <bgColor indexed="64"/>
      </patternFill>
    </fill>
  </fills>
  <borders count="70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</borders>
  <cellStyleXfs count="45">
    <xf numFmtId="0" fontId="0" fillId="0" borderId="0"/>
    <xf numFmtId="0" fontId="23" fillId="2" borderId="0" applyNumberFormat="0" applyBorder="0" applyAlignment="0" applyProtection="0">
      <alignment vertical="center"/>
    </xf>
    <xf numFmtId="0" fontId="23" fillId="3" borderId="0" applyNumberFormat="0" applyBorder="0" applyAlignment="0" applyProtection="0">
      <alignment vertical="center"/>
    </xf>
    <xf numFmtId="0" fontId="23" fillId="4" borderId="0" applyNumberFormat="0" applyBorder="0" applyAlignment="0" applyProtection="0">
      <alignment vertical="center"/>
    </xf>
    <xf numFmtId="0" fontId="23" fillId="5" borderId="0" applyNumberFormat="0" applyBorder="0" applyAlignment="0" applyProtection="0">
      <alignment vertical="center"/>
    </xf>
    <xf numFmtId="0" fontId="23" fillId="13" borderId="0" applyNumberFormat="0" applyBorder="0" applyAlignment="0" applyProtection="0">
      <alignment vertical="center"/>
    </xf>
    <xf numFmtId="0" fontId="23" fillId="14" borderId="0" applyNumberFormat="0" applyBorder="0" applyAlignment="0" applyProtection="0">
      <alignment vertical="center"/>
    </xf>
    <xf numFmtId="0" fontId="23" fillId="15" borderId="0" applyNumberFormat="0" applyBorder="0" applyAlignment="0" applyProtection="0">
      <alignment vertical="center"/>
    </xf>
    <xf numFmtId="0" fontId="23" fillId="16" borderId="0" applyNumberFormat="0" applyBorder="0" applyAlignment="0" applyProtection="0">
      <alignment vertical="center"/>
    </xf>
    <xf numFmtId="0" fontId="23" fillId="7" borderId="0" applyNumberFormat="0" applyBorder="0" applyAlignment="0" applyProtection="0">
      <alignment vertical="center"/>
    </xf>
    <xf numFmtId="0" fontId="23" fillId="17" borderId="0" applyNumberFormat="0" applyBorder="0" applyAlignment="0" applyProtection="0">
      <alignment vertical="center"/>
    </xf>
    <xf numFmtId="0" fontId="23" fillId="18" borderId="0" applyNumberFormat="0" applyBorder="0" applyAlignment="0" applyProtection="0">
      <alignment vertical="center"/>
    </xf>
    <xf numFmtId="0" fontId="23" fillId="19" borderId="0" applyNumberFormat="0" applyBorder="0" applyAlignment="0" applyProtection="0">
      <alignment vertical="center"/>
    </xf>
    <xf numFmtId="0" fontId="24" fillId="20" borderId="0" applyNumberFormat="0" applyBorder="0" applyAlignment="0" applyProtection="0">
      <alignment vertical="center"/>
    </xf>
    <xf numFmtId="0" fontId="24" fillId="21" borderId="0" applyNumberFormat="0" applyBorder="0" applyAlignment="0" applyProtection="0">
      <alignment vertical="center"/>
    </xf>
    <xf numFmtId="0" fontId="24" fillId="7" borderId="0" applyNumberFormat="0" applyBorder="0" applyAlignment="0" applyProtection="0">
      <alignment vertical="center"/>
    </xf>
    <xf numFmtId="0" fontId="24" fillId="8" borderId="0" applyNumberFormat="0" applyBorder="0" applyAlignment="0" applyProtection="0">
      <alignment vertical="center"/>
    </xf>
    <xf numFmtId="0" fontId="24" fillId="22" borderId="0" applyNumberFormat="0" applyBorder="0" applyAlignment="0" applyProtection="0">
      <alignment vertical="center"/>
    </xf>
    <xf numFmtId="0" fontId="24" fillId="9" borderId="0" applyNumberFormat="0" applyBorder="0" applyAlignment="0" applyProtection="0">
      <alignment vertical="center"/>
    </xf>
    <xf numFmtId="0" fontId="24" fillId="23" borderId="0" applyNumberFormat="0" applyBorder="0" applyAlignment="0" applyProtection="0">
      <alignment vertical="center"/>
    </xf>
    <xf numFmtId="0" fontId="24" fillId="24" borderId="0" applyNumberFormat="0" applyBorder="0" applyAlignment="0" applyProtection="0">
      <alignment vertical="center"/>
    </xf>
    <xf numFmtId="0" fontId="24" fillId="25" borderId="0" applyNumberFormat="0" applyBorder="0" applyAlignment="0" applyProtection="0">
      <alignment vertical="center"/>
    </xf>
    <xf numFmtId="0" fontId="24" fillId="26" borderId="0" applyNumberFormat="0" applyBorder="0" applyAlignment="0" applyProtection="0">
      <alignment vertical="center"/>
    </xf>
    <xf numFmtId="0" fontId="24" fillId="27" borderId="0" applyNumberFormat="0" applyBorder="0" applyAlignment="0" applyProtection="0">
      <alignment vertical="center"/>
    </xf>
    <xf numFmtId="0" fontId="24" fillId="28" borderId="0" applyNumberFormat="0" applyBorder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0" fontId="25" fillId="29" borderId="56" applyNumberFormat="0" applyAlignment="0" applyProtection="0">
      <alignment vertical="center"/>
    </xf>
    <xf numFmtId="0" fontId="30" fillId="30" borderId="0" applyNumberFormat="0" applyBorder="0" applyAlignment="0" applyProtection="0">
      <alignment vertical="center"/>
    </xf>
    <xf numFmtId="0" fontId="1" fillId="11" borderId="57" applyNumberFormat="0" applyFont="0" applyAlignment="0" applyProtection="0">
      <alignment vertical="center"/>
    </xf>
    <xf numFmtId="0" fontId="31" fillId="0" borderId="58" applyNumberFormat="0" applyFill="0" applyAlignment="0" applyProtection="0">
      <alignment vertical="center"/>
    </xf>
    <xf numFmtId="0" fontId="32" fillId="31" borderId="0" applyNumberFormat="0" applyBorder="0" applyAlignment="0" applyProtection="0">
      <alignment vertical="center"/>
    </xf>
    <xf numFmtId="0" fontId="33" fillId="32" borderId="59" applyNumberFormat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38" fontId="1" fillId="0" borderId="0" applyFont="0" applyFill="0" applyBorder="0" applyAlignment="0" applyProtection="0"/>
    <xf numFmtId="0" fontId="34" fillId="0" borderId="60" applyNumberFormat="0" applyFill="0" applyAlignment="0" applyProtection="0">
      <alignment vertical="center"/>
    </xf>
    <xf numFmtId="0" fontId="35" fillId="0" borderId="61" applyNumberFormat="0" applyFill="0" applyAlignment="0" applyProtection="0">
      <alignment vertical="center"/>
    </xf>
    <xf numFmtId="0" fontId="36" fillId="0" borderId="62" applyNumberFormat="0" applyFill="0" applyAlignment="0" applyProtection="0">
      <alignment vertical="center"/>
    </xf>
    <xf numFmtId="0" fontId="36" fillId="0" borderId="0" applyNumberFormat="0" applyFill="0" applyBorder="0" applyAlignment="0" applyProtection="0">
      <alignment vertical="center"/>
    </xf>
    <xf numFmtId="0" fontId="27" fillId="0" borderId="63" applyNumberFormat="0" applyFill="0" applyAlignment="0" applyProtection="0">
      <alignment vertical="center"/>
    </xf>
    <xf numFmtId="0" fontId="37" fillId="32" borderId="64" applyNumberFormat="0" applyAlignment="0" applyProtection="0">
      <alignment vertical="center"/>
    </xf>
    <xf numFmtId="0" fontId="38" fillId="0" borderId="0" applyNumberFormat="0" applyFill="0" applyBorder="0" applyAlignment="0" applyProtection="0">
      <alignment vertical="center"/>
    </xf>
    <xf numFmtId="0" fontId="39" fillId="6" borderId="59" applyNumberFormat="0" applyAlignment="0" applyProtection="0">
      <alignment vertical="center"/>
    </xf>
    <xf numFmtId="0" fontId="1" fillId="0" borderId="0"/>
    <xf numFmtId="0" fontId="40" fillId="33" borderId="0" applyNumberFormat="0" applyBorder="0" applyAlignment="0" applyProtection="0">
      <alignment vertical="center"/>
    </xf>
    <xf numFmtId="0" fontId="43" fillId="0" borderId="0">
      <alignment vertical="center"/>
    </xf>
  </cellStyleXfs>
  <cellXfs count="964">
    <xf numFmtId="0" fontId="0" fillId="0" borderId="0" xfId="0"/>
    <xf numFmtId="177" fontId="5" fillId="0" borderId="0" xfId="0" applyNumberFormat="1" applyFont="1" applyAlignment="1">
      <alignment vertical="center"/>
    </xf>
    <xf numFmtId="0" fontId="8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4" fillId="0" borderId="0" xfId="0" applyFont="1"/>
    <xf numFmtId="177" fontId="3" fillId="0" borderId="0" xfId="0" applyNumberFormat="1" applyFont="1" applyAlignment="1">
      <alignment horizontal="center" vertical="center"/>
    </xf>
    <xf numFmtId="177" fontId="5" fillId="0" borderId="0" xfId="0" applyNumberFormat="1" applyFont="1" applyAlignment="1">
      <alignment vertical="center" shrinkToFit="1"/>
    </xf>
    <xf numFmtId="182" fontId="5" fillId="0" borderId="0" xfId="0" applyNumberFormat="1" applyFont="1" applyAlignment="1">
      <alignment vertical="center"/>
    </xf>
    <xf numFmtId="0" fontId="11" fillId="0" borderId="0" xfId="0" applyFont="1" applyAlignment="1">
      <alignment vertical="center"/>
    </xf>
    <xf numFmtId="177" fontId="8" fillId="0" borderId="0" xfId="0" applyNumberFormat="1" applyFont="1" applyAlignment="1">
      <alignment horizontal="left" vertical="center"/>
    </xf>
    <xf numFmtId="177" fontId="8" fillId="0" borderId="0" xfId="0" applyNumberFormat="1" applyFont="1" applyAlignment="1">
      <alignment horizontal="center" vertical="center"/>
    </xf>
    <xf numFmtId="177" fontId="8" fillId="0" borderId="0" xfId="0" applyNumberFormat="1" applyFont="1" applyAlignment="1">
      <alignment vertical="center"/>
    </xf>
    <xf numFmtId="177" fontId="8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horizontal="right"/>
    </xf>
    <xf numFmtId="0" fontId="16" fillId="0" borderId="0" xfId="0" applyFont="1" applyAlignment="1">
      <alignment vertical="center"/>
    </xf>
    <xf numFmtId="177" fontId="13" fillId="0" borderId="0" xfId="0" applyNumberFormat="1" applyFont="1" applyAlignment="1">
      <alignment horizontal="center" vertical="center"/>
    </xf>
    <xf numFmtId="177" fontId="0" fillId="0" borderId="0" xfId="0" applyNumberFormat="1" applyAlignment="1">
      <alignment vertical="center"/>
    </xf>
    <xf numFmtId="182" fontId="0" fillId="0" borderId="0" xfId="0" applyNumberFormat="1" applyAlignment="1">
      <alignment vertical="center"/>
    </xf>
    <xf numFmtId="177" fontId="7" fillId="0" borderId="0" xfId="0" applyNumberFormat="1" applyFont="1" applyAlignment="1">
      <alignment horizontal="center" vertical="center"/>
    </xf>
    <xf numFmtId="179" fontId="8" fillId="0" borderId="0" xfId="0" applyNumberFormat="1" applyFont="1" applyAlignment="1">
      <alignment horizontal="right" vertical="center"/>
    </xf>
    <xf numFmtId="0" fontId="10" fillId="0" borderId="0" xfId="0" applyFont="1"/>
    <xf numFmtId="177" fontId="8" fillId="0" borderId="0" xfId="0" applyNumberFormat="1" applyFont="1" applyAlignment="1">
      <alignment horizontal="left" vertical="center" shrinkToFit="1"/>
    </xf>
    <xf numFmtId="179" fontId="8" fillId="0" borderId="0" xfId="0" applyNumberFormat="1" applyFont="1" applyAlignment="1">
      <alignment vertical="center"/>
    </xf>
    <xf numFmtId="180" fontId="8" fillId="0" borderId="0" xfId="0" applyNumberFormat="1" applyFont="1" applyAlignment="1">
      <alignment horizontal="right" vertical="center"/>
    </xf>
    <xf numFmtId="177" fontId="8" fillId="0" borderId="0" xfId="0" applyNumberFormat="1" applyFont="1" applyAlignment="1">
      <alignment horizontal="distributed" vertical="center" indent="1"/>
    </xf>
    <xf numFmtId="0" fontId="5" fillId="10" borderId="0" xfId="0" applyFont="1" applyFill="1" applyAlignment="1">
      <alignment vertical="center"/>
    </xf>
    <xf numFmtId="177" fontId="8" fillId="0" borderId="2" xfId="0" applyNumberFormat="1" applyFont="1" applyBorder="1" applyAlignment="1">
      <alignment horizontal="center" vertical="center"/>
    </xf>
    <xf numFmtId="0" fontId="8" fillId="0" borderId="2" xfId="0" applyFont="1" applyBorder="1" applyAlignment="1">
      <alignment horizontal="right" vertical="center"/>
    </xf>
    <xf numFmtId="177" fontId="5" fillId="0" borderId="0" xfId="0" applyNumberFormat="1" applyFont="1" applyAlignment="1">
      <alignment horizontal="right" vertical="center"/>
    </xf>
    <xf numFmtId="0" fontId="6" fillId="0" borderId="0" xfId="0" applyFont="1"/>
    <xf numFmtId="0" fontId="5" fillId="0" borderId="0" xfId="0" applyFont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8" fillId="0" borderId="0" xfId="0" applyFont="1" applyAlignment="1">
      <alignment horizontal="distributed" vertical="center"/>
    </xf>
    <xf numFmtId="0" fontId="8" fillId="0" borderId="1" xfId="0" applyFont="1" applyBorder="1" applyAlignment="1">
      <alignment horizontal="distributed" vertical="center"/>
    </xf>
    <xf numFmtId="0" fontId="8" fillId="0" borderId="0" xfId="0" applyFont="1" applyAlignment="1">
      <alignment horizontal="center" vertical="center"/>
    </xf>
    <xf numFmtId="0" fontId="8" fillId="0" borderId="0" xfId="0" applyFont="1" applyAlignment="1">
      <alignment horizontal="distributed" vertical="center" wrapText="1" indent="1" shrinkToFit="1"/>
    </xf>
    <xf numFmtId="0" fontId="8" fillId="0" borderId="4" xfId="0" applyFont="1" applyBorder="1" applyAlignment="1">
      <alignment horizontal="distributed" vertical="center" wrapText="1" indent="1" shrinkToFit="1"/>
    </xf>
    <xf numFmtId="0" fontId="8" fillId="0" borderId="0" xfId="0" applyFont="1" applyAlignment="1">
      <alignment horizontal="left" vertical="center" shrinkToFit="1"/>
    </xf>
    <xf numFmtId="181" fontId="5" fillId="0" borderId="0" xfId="0" applyNumberFormat="1" applyFont="1" applyAlignment="1">
      <alignment horizontal="center" vertical="center"/>
    </xf>
    <xf numFmtId="0" fontId="8" fillId="0" borderId="5" xfId="0" applyFont="1" applyBorder="1" applyAlignment="1">
      <alignment horizontal="distributed" vertical="center"/>
    </xf>
    <xf numFmtId="0" fontId="8" fillId="0" borderId="6" xfId="0" applyFont="1" applyBorder="1" applyAlignment="1">
      <alignment horizontal="center" vertical="center"/>
    </xf>
    <xf numFmtId="0" fontId="11" fillId="0" borderId="0" xfId="0" applyFont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8" fillId="0" borderId="0" xfId="0" applyFont="1" applyAlignment="1">
      <alignment horizontal="right" vertical="center"/>
    </xf>
    <xf numFmtId="0" fontId="4" fillId="0" borderId="0" xfId="0" applyFont="1" applyAlignment="1">
      <alignment horizontal="left" vertical="center"/>
    </xf>
    <xf numFmtId="177" fontId="5" fillId="0" borderId="0" xfId="0" applyNumberFormat="1" applyFont="1" applyAlignment="1">
      <alignment horizontal="center" vertical="center" shrinkToFit="1"/>
    </xf>
    <xf numFmtId="177" fontId="5" fillId="0" borderId="0" xfId="0" applyNumberFormat="1" applyFont="1" applyAlignment="1">
      <alignment horizontal="center" vertical="center"/>
    </xf>
    <xf numFmtId="177" fontId="5" fillId="0" borderId="0" xfId="0" applyNumberFormat="1" applyFont="1" applyAlignment="1">
      <alignment horizontal="left" vertical="center"/>
    </xf>
    <xf numFmtId="0" fontId="0" fillId="0" borderId="0" xfId="0" applyAlignment="1">
      <alignment vertical="center"/>
    </xf>
    <xf numFmtId="177" fontId="5" fillId="0" borderId="0" xfId="0" applyNumberFormat="1" applyFont="1" applyAlignment="1">
      <alignment horizontal="distributed" vertical="center" shrinkToFit="1"/>
    </xf>
    <xf numFmtId="177" fontId="8" fillId="0" borderId="0" xfId="0" applyNumberFormat="1" applyFont="1" applyAlignment="1">
      <alignment horizontal="center" vertical="center" shrinkToFit="1"/>
    </xf>
    <xf numFmtId="0" fontId="8" fillId="0" borderId="1" xfId="0" applyFont="1" applyBorder="1" applyAlignment="1">
      <alignment vertical="center"/>
    </xf>
    <xf numFmtId="0" fontId="8" fillId="0" borderId="4" xfId="0" applyFont="1" applyBorder="1" applyAlignment="1">
      <alignment vertical="center"/>
    </xf>
    <xf numFmtId="0" fontId="0" fillId="0" borderId="0" xfId="0" applyAlignment="1">
      <alignment horizontal="distributed" vertical="center" wrapText="1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horizontal="left" vertical="center"/>
    </xf>
    <xf numFmtId="0" fontId="8" fillId="0" borderId="7" xfId="0" applyFont="1" applyBorder="1" applyAlignment="1">
      <alignment horizontal="center"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horizontal="center" vertical="center"/>
    </xf>
    <xf numFmtId="0" fontId="8" fillId="0" borderId="2" xfId="0" applyFont="1" applyBorder="1" applyAlignment="1">
      <alignment horizontal="left" vertical="center"/>
    </xf>
    <xf numFmtId="0" fontId="4" fillId="0" borderId="0" xfId="0" applyFont="1" applyAlignment="1">
      <alignment vertical="center"/>
    </xf>
    <xf numFmtId="0" fontId="8" fillId="0" borderId="2" xfId="0" applyFont="1" applyBorder="1" applyAlignment="1">
      <alignment horizontal="center" vertical="center"/>
    </xf>
    <xf numFmtId="176" fontId="8" fillId="0" borderId="0" xfId="0" applyNumberFormat="1" applyFont="1" applyAlignment="1">
      <alignment horizontal="right" vertical="center"/>
    </xf>
    <xf numFmtId="177" fontId="0" fillId="0" borderId="0" xfId="0" applyNumberFormat="1" applyAlignment="1">
      <alignment horizontal="left" vertical="center" shrinkToFit="1"/>
    </xf>
    <xf numFmtId="0" fontId="5" fillId="0" borderId="0" xfId="0" applyFont="1" applyAlignment="1">
      <alignment horizontal="right"/>
    </xf>
    <xf numFmtId="0" fontId="5" fillId="0" borderId="6" xfId="0" applyFont="1" applyBorder="1" applyAlignment="1">
      <alignment horizontal="right" vertical="center"/>
    </xf>
    <xf numFmtId="0" fontId="5" fillId="0" borderId="6" xfId="0" applyFont="1" applyBorder="1" applyAlignment="1">
      <alignment horizontal="right"/>
    </xf>
    <xf numFmtId="0" fontId="8" fillId="0" borderId="0" xfId="0" applyFont="1" applyAlignment="1">
      <alignment vertical="center" shrinkToFit="1"/>
    </xf>
    <xf numFmtId="0" fontId="8" fillId="0" borderId="9" xfId="0" applyFont="1" applyBorder="1" applyAlignment="1">
      <alignment horizontal="left"/>
    </xf>
    <xf numFmtId="0" fontId="8" fillId="0" borderId="10" xfId="0" applyFont="1" applyBorder="1" applyAlignment="1">
      <alignment horizontal="right" vertical="top"/>
    </xf>
    <xf numFmtId="0" fontId="4" fillId="0" borderId="0" xfId="0" applyFont="1" applyAlignment="1">
      <alignment horizontal="right" vertical="center"/>
    </xf>
    <xf numFmtId="0" fontId="13" fillId="0" borderId="0" xfId="0" applyFont="1" applyAlignment="1">
      <alignment horizontal="center" vertical="center"/>
    </xf>
    <xf numFmtId="0" fontId="10" fillId="0" borderId="0" xfId="0" applyFont="1" applyAlignment="1">
      <alignment vertical="center"/>
    </xf>
    <xf numFmtId="0" fontId="22" fillId="0" borderId="0" xfId="0" applyFont="1" applyAlignment="1">
      <alignment vertical="center"/>
    </xf>
    <xf numFmtId="0" fontId="5" fillId="0" borderId="0" xfId="0" applyFont="1" applyAlignment="1">
      <alignment horizontal="center" vertical="center" wrapText="1"/>
    </xf>
    <xf numFmtId="176" fontId="5" fillId="0" borderId="0" xfId="0" applyNumberFormat="1" applyFont="1" applyAlignment="1">
      <alignment horizontal="right" vertical="center"/>
    </xf>
    <xf numFmtId="0" fontId="8" fillId="0" borderId="11" xfId="0" applyFont="1" applyBorder="1" applyAlignment="1">
      <alignment horizontal="right" vertical="center"/>
    </xf>
    <xf numFmtId="0" fontId="8" fillId="0" borderId="2" xfId="0" applyFont="1" applyBorder="1" applyAlignment="1">
      <alignment vertical="center"/>
    </xf>
    <xf numFmtId="0" fontId="8" fillId="0" borderId="12" xfId="0" applyFont="1" applyBorder="1" applyAlignment="1">
      <alignment horizontal="center" vertical="center"/>
    </xf>
    <xf numFmtId="0" fontId="8" fillId="0" borderId="12" xfId="0" applyFont="1" applyBorder="1" applyAlignment="1">
      <alignment vertical="center"/>
    </xf>
    <xf numFmtId="0" fontId="8" fillId="0" borderId="13" xfId="0" applyFont="1" applyBorder="1" applyAlignment="1">
      <alignment vertical="center"/>
    </xf>
    <xf numFmtId="179" fontId="8" fillId="0" borderId="4" xfId="0" applyNumberFormat="1" applyFont="1" applyBorder="1" applyAlignment="1">
      <alignment horizontal="right" vertical="center"/>
    </xf>
    <xf numFmtId="0" fontId="8" fillId="0" borderId="14" xfId="0" applyFont="1" applyBorder="1" applyAlignment="1">
      <alignment vertical="center"/>
    </xf>
    <xf numFmtId="0" fontId="8" fillId="0" borderId="9" xfId="0" applyFont="1" applyBorder="1" applyAlignment="1">
      <alignment vertical="center"/>
    </xf>
    <xf numFmtId="0" fontId="4" fillId="0" borderId="0" xfId="0" applyFont="1" applyAlignment="1">
      <alignment horizontal="center" vertical="center"/>
    </xf>
    <xf numFmtId="176" fontId="4" fillId="0" borderId="0" xfId="0" applyNumberFormat="1" applyFont="1" applyAlignment="1">
      <alignment horizontal="right" vertical="center"/>
    </xf>
    <xf numFmtId="0" fontId="8" fillId="0" borderId="9" xfId="0" applyFont="1" applyBorder="1" applyAlignment="1">
      <alignment horizontal="left" vertical="center"/>
    </xf>
    <xf numFmtId="0" fontId="11" fillId="0" borderId="0" xfId="0" applyFont="1" applyAlignment="1">
      <alignment horizontal="left" vertical="center" shrinkToFit="1"/>
    </xf>
    <xf numFmtId="176" fontId="5" fillId="0" borderId="1" xfId="0" applyNumberFormat="1" applyFont="1" applyBorder="1" applyAlignment="1">
      <alignment horizontal="center" vertical="center" shrinkToFit="1"/>
    </xf>
    <xf numFmtId="176" fontId="5" fillId="0" borderId="0" xfId="0" applyNumberFormat="1" applyFont="1" applyAlignment="1">
      <alignment horizontal="center" vertical="center" shrinkToFit="1"/>
    </xf>
    <xf numFmtId="176" fontId="5" fillId="0" borderId="0" xfId="0" applyNumberFormat="1" applyFont="1" applyAlignment="1">
      <alignment horizontal="center" vertical="center"/>
    </xf>
    <xf numFmtId="179" fontId="5" fillId="0" borderId="1" xfId="0" applyNumberFormat="1" applyFont="1" applyBorder="1" applyAlignment="1">
      <alignment horizontal="center" vertical="center"/>
    </xf>
    <xf numFmtId="179" fontId="5" fillId="0" borderId="0" xfId="0" applyNumberFormat="1" applyFont="1" applyAlignment="1">
      <alignment horizontal="center" vertical="center"/>
    </xf>
    <xf numFmtId="0" fontId="0" fillId="0" borderId="0" xfId="0" applyAlignment="1">
      <alignment horizontal="right" vertical="center"/>
    </xf>
    <xf numFmtId="0" fontId="18" fillId="0" borderId="2" xfId="0" applyFont="1" applyBorder="1" applyAlignment="1">
      <alignment horizontal="right" vertical="center" indent="1"/>
    </xf>
    <xf numFmtId="183" fontId="14" fillId="0" borderId="2" xfId="0" applyNumberFormat="1" applyFont="1" applyBorder="1" applyAlignment="1">
      <alignment horizontal="distributed" vertical="center"/>
    </xf>
    <xf numFmtId="183" fontId="18" fillId="0" borderId="2" xfId="0" applyNumberFormat="1" applyFont="1" applyBorder="1" applyAlignment="1">
      <alignment horizontal="distributed" vertical="center"/>
    </xf>
    <xf numFmtId="186" fontId="14" fillId="0" borderId="2" xfId="0" applyNumberFormat="1" applyFont="1" applyBorder="1" applyAlignment="1">
      <alignment horizontal="right" vertical="center" indent="1"/>
    </xf>
    <xf numFmtId="176" fontId="14" fillId="0" borderId="2" xfId="0" applyNumberFormat="1" applyFont="1" applyBorder="1" applyAlignment="1">
      <alignment horizontal="right" vertical="center" indent="1"/>
    </xf>
    <xf numFmtId="179" fontId="5" fillId="0" borderId="0" xfId="0" applyNumberFormat="1" applyFont="1" applyAlignment="1">
      <alignment horizontal="right" vertical="center"/>
    </xf>
    <xf numFmtId="179" fontId="12" fillId="0" borderId="1" xfId="0" applyNumberFormat="1" applyFont="1" applyBorder="1" applyAlignment="1">
      <alignment horizontal="center" vertical="center" wrapText="1" shrinkToFit="1"/>
    </xf>
    <xf numFmtId="179" fontId="8" fillId="0" borderId="1" xfId="0" applyNumberFormat="1" applyFont="1" applyBorder="1" applyAlignment="1">
      <alignment horizontal="right" vertical="center"/>
    </xf>
    <xf numFmtId="179" fontId="8" fillId="0" borderId="14" xfId="0" applyNumberFormat="1" applyFont="1" applyBorder="1" applyAlignment="1">
      <alignment horizontal="left" vertical="center"/>
    </xf>
    <xf numFmtId="179" fontId="8" fillId="0" borderId="12" xfId="0" applyNumberFormat="1" applyFont="1" applyBorder="1" applyAlignment="1">
      <alignment horizontal="right" vertical="center"/>
    </xf>
    <xf numFmtId="179" fontId="8" fillId="0" borderId="13" xfId="0" applyNumberFormat="1" applyFont="1" applyBorder="1" applyAlignment="1">
      <alignment horizontal="right" vertical="center"/>
    </xf>
    <xf numFmtId="0" fontId="5" fillId="0" borderId="1" xfId="0" applyFont="1" applyBorder="1" applyAlignment="1">
      <alignment vertical="center"/>
    </xf>
    <xf numFmtId="184" fontId="18" fillId="0" borderId="0" xfId="0" applyNumberFormat="1" applyFont="1" applyAlignment="1">
      <alignment horizontal="right" vertical="center" indent="1"/>
    </xf>
    <xf numFmtId="179" fontId="18" fillId="0" borderId="0" xfId="0" applyNumberFormat="1" applyFont="1" applyAlignment="1" applyProtection="1">
      <alignment horizontal="right" vertical="center"/>
      <protection locked="0"/>
    </xf>
    <xf numFmtId="0" fontId="28" fillId="0" borderId="0" xfId="0" applyFont="1" applyAlignment="1">
      <alignment horizontal="left" vertical="center"/>
    </xf>
    <xf numFmtId="0" fontId="9" fillId="0" borderId="0" xfId="0" applyFont="1" applyAlignment="1">
      <alignment vertical="center"/>
    </xf>
    <xf numFmtId="191" fontId="8" fillId="0" borderId="2" xfId="0" applyNumberFormat="1" applyFont="1" applyBorder="1" applyAlignment="1">
      <alignment vertical="center"/>
    </xf>
    <xf numFmtId="0" fontId="5" fillId="0" borderId="6" xfId="0" applyFont="1" applyBorder="1" applyAlignment="1">
      <alignment vertical="center"/>
    </xf>
    <xf numFmtId="200" fontId="8" fillId="0" borderId="0" xfId="0" applyNumberFormat="1" applyFont="1" applyAlignment="1">
      <alignment vertical="center"/>
    </xf>
    <xf numFmtId="0" fontId="5" fillId="0" borderId="2" xfId="0" applyFont="1" applyBorder="1" applyAlignment="1">
      <alignment vertical="center"/>
    </xf>
    <xf numFmtId="0" fontId="4" fillId="12" borderId="0" xfId="0" applyFont="1" applyFill="1"/>
    <xf numFmtId="177" fontId="5" fillId="12" borderId="0" xfId="0" applyNumberFormat="1" applyFont="1" applyFill="1" applyAlignment="1">
      <alignment horizontal="left" vertical="center"/>
    </xf>
    <xf numFmtId="0" fontId="11" fillId="12" borderId="0" xfId="0" applyFont="1" applyFill="1" applyAlignment="1">
      <alignment vertical="center"/>
    </xf>
    <xf numFmtId="0" fontId="5" fillId="0" borderId="4" xfId="0" applyFont="1" applyBorder="1" applyAlignment="1">
      <alignment vertical="center"/>
    </xf>
    <xf numFmtId="0" fontId="42" fillId="0" borderId="0" xfId="0" applyFont="1" applyAlignment="1">
      <alignment vertical="center"/>
    </xf>
    <xf numFmtId="177" fontId="0" fillId="34" borderId="0" xfId="0" applyNumberFormat="1" applyFill="1" applyAlignment="1">
      <alignment vertical="center"/>
    </xf>
    <xf numFmtId="0" fontId="6" fillId="0" borderId="0" xfId="0" applyFont="1" applyAlignment="1">
      <alignment vertical="center"/>
    </xf>
    <xf numFmtId="177" fontId="5" fillId="0" borderId="6" xfId="0" applyNumberFormat="1" applyFont="1" applyBorder="1" applyAlignment="1">
      <alignment horizontal="center" vertical="center"/>
    </xf>
    <xf numFmtId="0" fontId="5" fillId="0" borderId="17" xfId="0" applyFont="1" applyBorder="1" applyAlignment="1">
      <alignment vertical="center"/>
    </xf>
    <xf numFmtId="0" fontId="8" fillId="0" borderId="1" xfId="0" applyFont="1" applyBorder="1" applyAlignment="1">
      <alignment horizontal="right" vertical="center" wrapText="1"/>
    </xf>
    <xf numFmtId="0" fontId="8" fillId="0" borderId="0" xfId="0" applyFont="1" applyAlignment="1">
      <alignment horizontal="right" vertical="center" wrapText="1"/>
    </xf>
    <xf numFmtId="0" fontId="8" fillId="0" borderId="4" xfId="0" applyFont="1" applyBorder="1" applyAlignment="1">
      <alignment horizontal="right" vertical="center" wrapText="1"/>
    </xf>
    <xf numFmtId="0" fontId="8" fillId="0" borderId="1" xfId="0" applyFont="1" applyBorder="1" applyAlignment="1">
      <alignment horizontal="left" vertical="center"/>
    </xf>
    <xf numFmtId="0" fontId="8" fillId="0" borderId="4" xfId="0" applyFont="1" applyBorder="1" applyAlignment="1">
      <alignment horizontal="left" vertical="center"/>
    </xf>
    <xf numFmtId="177" fontId="8" fillId="0" borderId="4" xfId="0" applyNumberFormat="1" applyFont="1" applyBorder="1" applyAlignment="1">
      <alignment horizontal="center" vertical="center" shrinkToFit="1"/>
    </xf>
    <xf numFmtId="0" fontId="8" fillId="0" borderId="5" xfId="0" applyFont="1" applyBorder="1" applyAlignment="1">
      <alignment horizontal="left" vertical="center"/>
    </xf>
    <xf numFmtId="0" fontId="8" fillId="0" borderId="8" xfId="0" applyFont="1" applyBorder="1" applyAlignment="1">
      <alignment horizontal="left" vertical="center"/>
    </xf>
    <xf numFmtId="203" fontId="8" fillId="0" borderId="0" xfId="0" applyNumberFormat="1" applyFont="1" applyAlignment="1">
      <alignment horizontal="right" vertical="center" shrinkToFit="1"/>
    </xf>
    <xf numFmtId="203" fontId="8" fillId="0" borderId="0" xfId="0" quotePrefix="1" applyNumberFormat="1" applyFont="1" applyAlignment="1">
      <alignment horizontal="right" vertical="center" shrinkToFit="1"/>
    </xf>
    <xf numFmtId="203" fontId="8" fillId="0" borderId="0" xfId="0" applyNumberFormat="1" applyFont="1" applyAlignment="1">
      <alignment horizontal="right" vertical="center"/>
    </xf>
    <xf numFmtId="203" fontId="8" fillId="0" borderId="3" xfId="0" applyNumberFormat="1" applyFont="1" applyBorder="1" applyAlignment="1">
      <alignment horizontal="right" vertical="center"/>
    </xf>
    <xf numFmtId="203" fontId="8" fillId="0" borderId="6" xfId="0" applyNumberFormat="1" applyFont="1" applyBorder="1" applyAlignment="1">
      <alignment horizontal="right" vertical="center" shrinkToFit="1"/>
    </xf>
    <xf numFmtId="203" fontId="8" fillId="0" borderId="6" xfId="0" quotePrefix="1" applyNumberFormat="1" applyFont="1" applyBorder="1" applyAlignment="1">
      <alignment horizontal="right" vertical="center" shrinkToFit="1"/>
    </xf>
    <xf numFmtId="203" fontId="8" fillId="0" borderId="6" xfId="0" applyNumberFormat="1" applyFont="1" applyBorder="1" applyAlignment="1">
      <alignment horizontal="right" vertical="center"/>
    </xf>
    <xf numFmtId="203" fontId="8" fillId="0" borderId="26" xfId="0" applyNumberFormat="1" applyFont="1" applyBorder="1" applyAlignment="1">
      <alignment horizontal="right" vertical="center"/>
    </xf>
    <xf numFmtId="176" fontId="5" fillId="0" borderId="0" xfId="0" applyNumberFormat="1" applyFont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176" fontId="18" fillId="0" borderId="37" xfId="0" applyNumberFormat="1" applyFont="1" applyBorder="1" applyAlignment="1">
      <alignment horizontal="right" vertical="center" shrinkToFit="1"/>
    </xf>
    <xf numFmtId="176" fontId="18" fillId="0" borderId="6" xfId="0" applyNumberFormat="1" applyFont="1" applyBorder="1" applyAlignment="1">
      <alignment horizontal="right" vertical="center" shrinkToFit="1"/>
    </xf>
    <xf numFmtId="0" fontId="8" fillId="0" borderId="23" xfId="0" applyFont="1" applyBorder="1" applyAlignment="1">
      <alignment horizontal="center" vertical="center"/>
    </xf>
    <xf numFmtId="0" fontId="8" fillId="0" borderId="24" xfId="0" applyFont="1" applyBorder="1" applyAlignment="1">
      <alignment horizontal="center" vertical="center"/>
    </xf>
    <xf numFmtId="0" fontId="8" fillId="0" borderId="25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0" fontId="8" fillId="0" borderId="19" xfId="0" applyFont="1" applyBorder="1" applyAlignment="1">
      <alignment horizontal="center" vertical="center"/>
    </xf>
    <xf numFmtId="177" fontId="13" fillId="0" borderId="0" xfId="0" applyNumberFormat="1" applyFont="1" applyAlignment="1">
      <alignment horizontal="center" vertical="center"/>
    </xf>
    <xf numFmtId="0" fontId="8" fillId="0" borderId="39" xfId="0" applyFont="1" applyBorder="1" applyAlignment="1">
      <alignment horizontal="distributed" vertical="center"/>
    </xf>
    <xf numFmtId="0" fontId="8" fillId="0" borderId="16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11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8" fillId="0" borderId="14" xfId="0" applyFont="1" applyBorder="1" applyAlignment="1">
      <alignment horizontal="left" vertical="center"/>
    </xf>
    <xf numFmtId="0" fontId="8" fillId="0" borderId="12" xfId="0" applyFont="1" applyBorder="1" applyAlignment="1">
      <alignment horizontal="left" vertical="center"/>
    </xf>
    <xf numFmtId="0" fontId="8" fillId="0" borderId="13" xfId="0" applyFont="1" applyBorder="1" applyAlignment="1">
      <alignment horizontal="left" vertical="center"/>
    </xf>
    <xf numFmtId="176" fontId="8" fillId="0" borderId="0" xfId="0" applyNumberFormat="1" applyFont="1" applyAlignment="1">
      <alignment horizontal="right" vertical="center" shrinkToFit="1"/>
    </xf>
    <xf numFmtId="176" fontId="8" fillId="0" borderId="20" xfId="0" applyNumberFormat="1" applyFont="1" applyBorder="1" applyAlignment="1">
      <alignment horizontal="right" vertical="center" shrinkToFit="1"/>
    </xf>
    <xf numFmtId="193" fontId="8" fillId="0" borderId="1" xfId="0" applyNumberFormat="1" applyFont="1" applyBorder="1" applyAlignment="1">
      <alignment vertical="center"/>
    </xf>
    <xf numFmtId="193" fontId="8" fillId="0" borderId="0" xfId="0" applyNumberFormat="1" applyFont="1" applyAlignment="1">
      <alignment vertical="center"/>
    </xf>
    <xf numFmtId="193" fontId="8" fillId="0" borderId="4" xfId="0" applyNumberFormat="1" applyFont="1" applyBorder="1" applyAlignment="1">
      <alignment vertical="center"/>
    </xf>
    <xf numFmtId="179" fontId="18" fillId="0" borderId="6" xfId="33" applyNumberFormat="1" applyFont="1" applyFill="1" applyBorder="1" applyAlignment="1">
      <alignment horizontal="right" vertical="center"/>
    </xf>
    <xf numFmtId="179" fontId="18" fillId="0" borderId="26" xfId="33" applyNumberFormat="1" applyFont="1" applyFill="1" applyBorder="1" applyAlignment="1">
      <alignment horizontal="right" vertical="center"/>
    </xf>
    <xf numFmtId="188" fontId="8" fillId="0" borderId="0" xfId="0" applyNumberFormat="1" applyFont="1" applyAlignment="1">
      <alignment horizontal="right" vertical="center"/>
    </xf>
    <xf numFmtId="0" fontId="12" fillId="0" borderId="2" xfId="0" applyFont="1" applyBorder="1" applyAlignment="1">
      <alignment horizontal="center" vertical="center" wrapText="1"/>
    </xf>
    <xf numFmtId="0" fontId="12" fillId="0" borderId="11" xfId="0" applyFont="1" applyBorder="1" applyAlignment="1">
      <alignment horizontal="center" vertical="center" wrapText="1"/>
    </xf>
    <xf numFmtId="0" fontId="12" fillId="0" borderId="0" xfId="0" applyFont="1" applyAlignment="1">
      <alignment horizontal="center" vertical="center" wrapText="1"/>
    </xf>
    <xf numFmtId="0" fontId="12" fillId="0" borderId="4" xfId="0" applyFont="1" applyBorder="1" applyAlignment="1">
      <alignment horizontal="center" vertical="center" wrapText="1"/>
    </xf>
    <xf numFmtId="0" fontId="12" fillId="0" borderId="12" xfId="0" applyFont="1" applyBorder="1" applyAlignment="1">
      <alignment horizontal="center" vertical="center"/>
    </xf>
    <xf numFmtId="0" fontId="12" fillId="0" borderId="13" xfId="0" applyFont="1" applyBorder="1" applyAlignment="1">
      <alignment horizontal="center" vertical="center"/>
    </xf>
    <xf numFmtId="177" fontId="8" fillId="0" borderId="36" xfId="0" applyNumberFormat="1" applyFont="1" applyBorder="1" applyAlignment="1">
      <alignment horizontal="center" vertical="center"/>
    </xf>
    <xf numFmtId="177" fontId="8" fillId="0" borderId="7" xfId="0" applyNumberFormat="1" applyFont="1" applyBorder="1" applyAlignment="1">
      <alignment horizontal="center" vertical="center"/>
    </xf>
    <xf numFmtId="177" fontId="8" fillId="0" borderId="10" xfId="0" applyNumberFormat="1" applyFont="1" applyBorder="1" applyAlignment="1">
      <alignment horizontal="center" vertical="center"/>
    </xf>
    <xf numFmtId="177" fontId="12" fillId="0" borderId="16" xfId="0" applyNumberFormat="1" applyFont="1" applyBorder="1" applyAlignment="1">
      <alignment horizontal="center" vertical="center" wrapText="1"/>
    </xf>
    <xf numFmtId="177" fontId="12" fillId="0" borderId="2" xfId="0" applyNumberFormat="1" applyFont="1" applyBorder="1" applyAlignment="1">
      <alignment horizontal="center" vertical="center" wrapText="1"/>
    </xf>
    <xf numFmtId="177" fontId="12" fillId="0" borderId="18" xfId="0" applyNumberFormat="1" applyFont="1" applyBorder="1" applyAlignment="1">
      <alignment horizontal="center" vertical="center" wrapText="1"/>
    </xf>
    <xf numFmtId="177" fontId="12" fillId="0" borderId="15" xfId="0" applyNumberFormat="1" applyFont="1" applyBorder="1" applyAlignment="1">
      <alignment horizontal="center" vertical="center" wrapText="1"/>
    </xf>
    <xf numFmtId="177" fontId="12" fillId="0" borderId="0" xfId="0" applyNumberFormat="1" applyFont="1" applyAlignment="1">
      <alignment horizontal="center" vertical="center" wrapText="1"/>
    </xf>
    <xf numFmtId="177" fontId="12" fillId="0" borderId="3" xfId="0" applyNumberFormat="1" applyFont="1" applyBorder="1" applyAlignment="1">
      <alignment horizontal="center" vertical="center" wrapText="1"/>
    </xf>
    <xf numFmtId="177" fontId="12" fillId="0" borderId="17" xfId="0" applyNumberFormat="1" applyFont="1" applyBorder="1" applyAlignment="1">
      <alignment horizontal="center" vertical="center" wrapText="1"/>
    </xf>
    <xf numFmtId="177" fontId="12" fillId="0" borderId="12" xfId="0" applyNumberFormat="1" applyFont="1" applyBorder="1" applyAlignment="1">
      <alignment horizontal="center" vertical="center" wrapText="1"/>
    </xf>
    <xf numFmtId="177" fontId="12" fillId="0" borderId="19" xfId="0" applyNumberFormat="1" applyFont="1" applyBorder="1" applyAlignment="1">
      <alignment horizontal="center" vertical="center" wrapText="1"/>
    </xf>
    <xf numFmtId="177" fontId="8" fillId="0" borderId="50" xfId="0" applyNumberFormat="1" applyFont="1" applyBorder="1" applyAlignment="1">
      <alignment horizontal="center" vertical="center" wrapText="1"/>
    </xf>
    <xf numFmtId="177" fontId="8" fillId="0" borderId="51" xfId="0" applyNumberFormat="1" applyFont="1" applyBorder="1" applyAlignment="1">
      <alignment horizontal="center" vertical="center" wrapText="1"/>
    </xf>
    <xf numFmtId="177" fontId="8" fillId="0" borderId="52" xfId="0" applyNumberFormat="1" applyFont="1" applyBorder="1" applyAlignment="1">
      <alignment horizontal="center" vertical="center" wrapText="1"/>
    </xf>
    <xf numFmtId="177" fontId="8" fillId="0" borderId="34" xfId="0" applyNumberFormat="1" applyFont="1" applyBorder="1" applyAlignment="1">
      <alignment horizontal="center" vertical="center" wrapText="1"/>
    </xf>
    <xf numFmtId="177" fontId="8" fillId="0" borderId="68" xfId="0" applyNumberFormat="1" applyFont="1" applyBorder="1" applyAlignment="1">
      <alignment horizontal="center" vertical="center" wrapText="1"/>
    </xf>
    <xf numFmtId="177" fontId="8" fillId="0" borderId="69" xfId="0" applyNumberFormat="1" applyFont="1" applyBorder="1" applyAlignment="1">
      <alignment horizontal="center" vertical="center" wrapText="1"/>
    </xf>
    <xf numFmtId="177" fontId="8" fillId="0" borderId="32" xfId="0" applyNumberFormat="1" applyFont="1" applyBorder="1" applyAlignment="1">
      <alignment horizontal="center" vertical="center" wrapText="1"/>
    </xf>
    <xf numFmtId="177" fontId="8" fillId="0" borderId="53" xfId="0" applyNumberFormat="1" applyFont="1" applyBorder="1" applyAlignment="1">
      <alignment horizontal="center" vertical="center" wrapText="1"/>
    </xf>
    <xf numFmtId="177" fontId="8" fillId="0" borderId="49" xfId="0" applyNumberFormat="1" applyFont="1" applyBorder="1" applyAlignment="1">
      <alignment horizontal="center" vertical="center" wrapText="1"/>
    </xf>
    <xf numFmtId="177" fontId="12" fillId="0" borderId="22" xfId="0" applyNumberFormat="1" applyFont="1" applyBorder="1" applyAlignment="1">
      <alignment horizontal="center" vertical="center" wrapText="1"/>
    </xf>
    <xf numFmtId="177" fontId="12" fillId="0" borderId="33" xfId="0" applyNumberFormat="1" applyFont="1" applyBorder="1" applyAlignment="1">
      <alignment horizontal="center" vertical="center" wrapText="1"/>
    </xf>
    <xf numFmtId="177" fontId="12" fillId="0" borderId="21" xfId="0" applyNumberFormat="1" applyFont="1" applyBorder="1" applyAlignment="1">
      <alignment horizontal="center" vertical="center" wrapText="1"/>
    </xf>
    <xf numFmtId="203" fontId="18" fillId="0" borderId="20" xfId="0" applyNumberFormat="1" applyFont="1" applyBorder="1" applyAlignment="1">
      <alignment horizontal="right" vertical="center" shrinkToFit="1"/>
    </xf>
    <xf numFmtId="203" fontId="18" fillId="0" borderId="20" xfId="0" applyNumberFormat="1" applyFont="1" applyBorder="1" applyAlignment="1">
      <alignment horizontal="center" vertical="center" shrinkToFit="1"/>
    </xf>
    <xf numFmtId="203" fontId="18" fillId="0" borderId="30" xfId="0" applyNumberFormat="1" applyFont="1" applyBorder="1" applyAlignment="1">
      <alignment horizontal="center" vertical="center" shrinkToFit="1"/>
    </xf>
    <xf numFmtId="0" fontId="8" fillId="0" borderId="1" xfId="0" applyFont="1" applyBorder="1" applyAlignment="1">
      <alignment horizontal="distributed" vertical="center" wrapText="1" indent="1"/>
    </xf>
    <xf numFmtId="0" fontId="8" fillId="0" borderId="0" xfId="0" applyFont="1" applyAlignment="1">
      <alignment horizontal="distributed" vertical="center" wrapText="1" indent="1"/>
    </xf>
    <xf numFmtId="0" fontId="8" fillId="0" borderId="4" xfId="0" applyFont="1" applyBorder="1" applyAlignment="1">
      <alignment horizontal="distributed" vertical="center" wrapText="1" indent="1"/>
    </xf>
    <xf numFmtId="203" fontId="8" fillId="0" borderId="15" xfId="0" applyNumberFormat="1" applyFont="1" applyBorder="1" applyAlignment="1">
      <alignment horizontal="right" vertical="center"/>
    </xf>
    <xf numFmtId="203" fontId="8" fillId="0" borderId="0" xfId="0" applyNumberFormat="1" applyFont="1" applyAlignment="1">
      <alignment horizontal="center" vertical="center" shrinkToFit="1"/>
    </xf>
    <xf numFmtId="0" fontId="8" fillId="0" borderId="5" xfId="0" applyFont="1" applyBorder="1" applyAlignment="1">
      <alignment horizontal="distributed" vertical="center" wrapText="1" indent="1"/>
    </xf>
    <xf numFmtId="0" fontId="8" fillId="0" borderId="6" xfId="0" applyFont="1" applyBorder="1" applyAlignment="1">
      <alignment horizontal="distributed" vertical="center" wrapText="1" indent="1"/>
    </xf>
    <xf numFmtId="0" fontId="8" fillId="0" borderId="8" xfId="0" applyFont="1" applyBorder="1" applyAlignment="1">
      <alignment horizontal="distributed" vertical="center" wrapText="1" indent="1"/>
    </xf>
    <xf numFmtId="203" fontId="8" fillId="0" borderId="37" xfId="0" applyNumberFormat="1" applyFont="1" applyBorder="1" applyAlignment="1">
      <alignment horizontal="right" vertical="center"/>
    </xf>
    <xf numFmtId="203" fontId="8" fillId="0" borderId="6" xfId="0" applyNumberFormat="1" applyFont="1" applyBorder="1" applyAlignment="1">
      <alignment horizontal="center" vertical="center" shrinkToFit="1"/>
    </xf>
    <xf numFmtId="203" fontId="8" fillId="0" borderId="0" xfId="42" applyNumberFormat="1" applyFont="1" applyAlignment="1">
      <alignment horizontal="right" vertical="center"/>
    </xf>
    <xf numFmtId="203" fontId="8" fillId="0" borderId="0" xfId="0" quotePrefix="1" applyNumberFormat="1" applyFont="1" applyAlignment="1">
      <alignment horizontal="right" vertical="center"/>
    </xf>
    <xf numFmtId="203" fontId="8" fillId="0" borderId="15" xfId="42" applyNumberFormat="1" applyFont="1" applyBorder="1" applyAlignment="1">
      <alignment horizontal="right" vertical="center"/>
    </xf>
    <xf numFmtId="0" fontId="8" fillId="0" borderId="9" xfId="0" applyFont="1" applyBorder="1" applyAlignment="1">
      <alignment horizontal="right" vertical="center"/>
    </xf>
    <xf numFmtId="0" fontId="8" fillId="0" borderId="2" xfId="0" applyFont="1" applyBorder="1" applyAlignment="1">
      <alignment horizontal="right" vertical="center"/>
    </xf>
    <xf numFmtId="0" fontId="8" fillId="0" borderId="11" xfId="0" applyFont="1" applyBorder="1" applyAlignment="1">
      <alignment horizontal="right" vertical="center"/>
    </xf>
    <xf numFmtId="177" fontId="8" fillId="0" borderId="36" xfId="0" applyNumberFormat="1" applyFont="1" applyBorder="1" applyAlignment="1">
      <alignment horizontal="center" vertical="center" shrinkToFit="1"/>
    </xf>
    <xf numFmtId="177" fontId="8" fillId="0" borderId="7" xfId="0" applyNumberFormat="1" applyFont="1" applyBorder="1" applyAlignment="1">
      <alignment horizontal="center" vertical="center" shrinkToFit="1"/>
    </xf>
    <xf numFmtId="177" fontId="8" fillId="0" borderId="10" xfId="0" applyNumberFormat="1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wrapText="1"/>
    </xf>
    <xf numFmtId="0" fontId="12" fillId="0" borderId="15" xfId="0" applyFont="1" applyBorder="1" applyAlignment="1">
      <alignment horizontal="center" vertical="center" wrapText="1"/>
    </xf>
    <xf numFmtId="0" fontId="12" fillId="0" borderId="17" xfId="0" applyFont="1" applyBorder="1" applyAlignment="1">
      <alignment horizontal="center" vertical="center" wrapText="1"/>
    </xf>
    <xf numFmtId="0" fontId="12" fillId="0" borderId="12" xfId="0" applyFont="1" applyBorder="1" applyAlignment="1">
      <alignment horizontal="center" vertical="center" wrapText="1"/>
    </xf>
    <xf numFmtId="0" fontId="12" fillId="0" borderId="13" xfId="0" applyFont="1" applyBorder="1" applyAlignment="1">
      <alignment horizontal="center" vertical="center" wrapText="1"/>
    </xf>
    <xf numFmtId="177" fontId="8" fillId="0" borderId="39" xfId="0" applyNumberFormat="1" applyFont="1" applyBorder="1" applyAlignment="1">
      <alignment horizontal="center" vertical="center"/>
    </xf>
    <xf numFmtId="177" fontId="8" fillId="0" borderId="21" xfId="0" applyNumberFormat="1" applyFont="1" applyBorder="1" applyAlignment="1">
      <alignment horizontal="center" vertical="center"/>
    </xf>
    <xf numFmtId="177" fontId="8" fillId="0" borderId="23" xfId="0" applyNumberFormat="1" applyFont="1" applyBorder="1" applyAlignment="1">
      <alignment horizontal="center" vertical="center"/>
    </xf>
    <xf numFmtId="177" fontId="8" fillId="0" borderId="24" xfId="0" applyNumberFormat="1" applyFont="1" applyBorder="1" applyAlignment="1">
      <alignment horizontal="center" vertical="center"/>
    </xf>
    <xf numFmtId="177" fontId="8" fillId="0" borderId="25" xfId="0" applyNumberFormat="1" applyFont="1" applyBorder="1" applyAlignment="1">
      <alignment horizontal="center" vertical="center"/>
    </xf>
    <xf numFmtId="177" fontId="8" fillId="0" borderId="29" xfId="0" applyNumberFormat="1" applyFont="1" applyBorder="1" applyAlignment="1">
      <alignment horizontal="center" vertical="center"/>
    </xf>
    <xf numFmtId="177" fontId="8" fillId="0" borderId="20" xfId="0" applyNumberFormat="1" applyFont="1" applyBorder="1" applyAlignment="1">
      <alignment horizontal="center" vertical="center"/>
    </xf>
    <xf numFmtId="177" fontId="8" fillId="0" borderId="28" xfId="0" applyNumberFormat="1" applyFont="1" applyBorder="1" applyAlignment="1">
      <alignment horizontal="center" vertical="center"/>
    </xf>
    <xf numFmtId="177" fontId="8" fillId="0" borderId="17" xfId="0" applyNumberFormat="1" applyFont="1" applyBorder="1" applyAlignment="1">
      <alignment horizontal="center" vertical="center"/>
    </xf>
    <xf numFmtId="177" fontId="8" fillId="0" borderId="12" xfId="0" applyNumberFormat="1" applyFont="1" applyBorder="1" applyAlignment="1">
      <alignment horizontal="center" vertical="center"/>
    </xf>
    <xf numFmtId="177" fontId="8" fillId="0" borderId="13" xfId="0" applyNumberFormat="1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8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13" xfId="0" applyFont="1" applyBorder="1" applyAlignment="1">
      <alignment horizontal="center" vertical="center" wrapText="1"/>
    </xf>
    <xf numFmtId="0" fontId="18" fillId="0" borderId="27" xfId="0" applyFont="1" applyBorder="1" applyAlignment="1">
      <alignment horizontal="center" vertical="center" wrapText="1"/>
    </xf>
    <xf numFmtId="0" fontId="18" fillId="0" borderId="20" xfId="0" applyFont="1" applyBorder="1" applyAlignment="1">
      <alignment horizontal="center" vertical="center" wrapText="1"/>
    </xf>
    <xf numFmtId="0" fontId="18" fillId="0" borderId="28" xfId="0" applyFont="1" applyBorder="1" applyAlignment="1">
      <alignment horizontal="center" vertical="center" wrapText="1"/>
    </xf>
    <xf numFmtId="203" fontId="18" fillId="0" borderId="29" xfId="42" applyNumberFormat="1" applyFont="1" applyBorder="1" applyAlignment="1">
      <alignment horizontal="right" vertical="center"/>
    </xf>
    <xf numFmtId="203" fontId="18" fillId="0" borderId="20" xfId="42" applyNumberFormat="1" applyFont="1" applyBorder="1" applyAlignment="1">
      <alignment horizontal="right" vertical="center"/>
    </xf>
    <xf numFmtId="181" fontId="8" fillId="0" borderId="0" xfId="0" applyNumberFormat="1" applyFont="1" applyAlignment="1">
      <alignment horizontal="right" vertical="center"/>
    </xf>
    <xf numFmtId="191" fontId="8" fillId="0" borderId="0" xfId="0" applyNumberFormat="1" applyFont="1" applyAlignment="1">
      <alignment horizontal="right" vertical="center" shrinkToFit="1"/>
    </xf>
    <xf numFmtId="177" fontId="8" fillId="0" borderId="1" xfId="0" applyNumberFormat="1" applyFont="1" applyBorder="1" applyAlignment="1">
      <alignment horizontal="distributed" vertical="center" indent="1" shrinkToFit="1"/>
    </xf>
    <xf numFmtId="177" fontId="8" fillId="0" borderId="0" xfId="0" applyNumberFormat="1" applyFont="1" applyAlignment="1">
      <alignment horizontal="distributed" vertical="center" indent="1" shrinkToFit="1"/>
    </xf>
    <xf numFmtId="177" fontId="8" fillId="0" borderId="4" xfId="0" applyNumberFormat="1" applyFont="1" applyBorder="1" applyAlignment="1">
      <alignment horizontal="distributed" vertical="center" indent="1" shrinkToFit="1"/>
    </xf>
    <xf numFmtId="177" fontId="8" fillId="0" borderId="16" xfId="0" applyNumberFormat="1" applyFont="1" applyBorder="1" applyAlignment="1">
      <alignment horizontal="center" vertical="center"/>
    </xf>
    <xf numFmtId="177" fontId="8" fillId="0" borderId="2" xfId="0" applyNumberFormat="1" applyFont="1" applyBorder="1" applyAlignment="1">
      <alignment horizontal="center" vertical="center"/>
    </xf>
    <xf numFmtId="177" fontId="8" fillId="0" borderId="11" xfId="0" applyNumberFormat="1" applyFont="1" applyBorder="1" applyAlignment="1">
      <alignment horizontal="center" vertical="center"/>
    </xf>
    <xf numFmtId="177" fontId="8" fillId="0" borderId="15" xfId="0" applyNumberFormat="1" applyFont="1" applyBorder="1" applyAlignment="1">
      <alignment horizontal="center" vertical="center"/>
    </xf>
    <xf numFmtId="177" fontId="8" fillId="0" borderId="0" xfId="0" applyNumberFormat="1" applyFont="1" applyAlignment="1">
      <alignment horizontal="center" vertical="center"/>
    </xf>
    <xf numFmtId="177" fontId="8" fillId="0" borderId="4" xfId="0" applyNumberFormat="1" applyFont="1" applyBorder="1" applyAlignment="1">
      <alignment horizontal="center" vertical="center"/>
    </xf>
    <xf numFmtId="191" fontId="8" fillId="0" borderId="6" xfId="0" applyNumberFormat="1" applyFont="1" applyBorder="1" applyAlignment="1">
      <alignment horizontal="right" vertical="center" shrinkToFit="1"/>
    </xf>
    <xf numFmtId="0" fontId="5" fillId="0" borderId="39" xfId="0" applyFont="1" applyBorder="1" applyAlignment="1">
      <alignment horizontal="center" vertical="center"/>
    </xf>
    <xf numFmtId="0" fontId="8" fillId="0" borderId="0" xfId="0" applyFont="1" applyAlignment="1">
      <alignment horizontal="distributed" vertical="center" indent="1" shrinkToFit="1"/>
    </xf>
    <xf numFmtId="0" fontId="8" fillId="0" borderId="4" xfId="0" applyFont="1" applyBorder="1" applyAlignment="1">
      <alignment horizontal="distributed" vertical="center" indent="1" shrinkToFit="1"/>
    </xf>
    <xf numFmtId="191" fontId="18" fillId="0" borderId="0" xfId="0" applyNumberFormat="1" applyFont="1" applyAlignment="1">
      <alignment horizontal="right" vertical="center" shrinkToFit="1"/>
    </xf>
    <xf numFmtId="181" fontId="18" fillId="0" borderId="0" xfId="0" applyNumberFormat="1" applyFont="1" applyAlignment="1">
      <alignment horizontal="right" vertical="center"/>
    </xf>
    <xf numFmtId="181" fontId="18" fillId="0" borderId="3" xfId="0" applyNumberFormat="1" applyFont="1" applyBorder="1" applyAlignment="1">
      <alignment horizontal="right" vertical="center"/>
    </xf>
    <xf numFmtId="177" fontId="8" fillId="0" borderId="5" xfId="0" applyNumberFormat="1" applyFont="1" applyBorder="1" applyAlignment="1">
      <alignment horizontal="distributed" vertical="center" indent="1" shrinkToFit="1"/>
    </xf>
    <xf numFmtId="177" fontId="8" fillId="0" borderId="6" xfId="0" applyNumberFormat="1" applyFont="1" applyBorder="1" applyAlignment="1">
      <alignment horizontal="distributed" vertical="center" indent="1" shrinkToFit="1"/>
    </xf>
    <xf numFmtId="177" fontId="8" fillId="0" borderId="8" xfId="0" applyNumberFormat="1" applyFont="1" applyBorder="1" applyAlignment="1">
      <alignment horizontal="distributed" vertical="center" indent="1" shrinkToFit="1"/>
    </xf>
    <xf numFmtId="0" fontId="8" fillId="0" borderId="49" xfId="0" applyFont="1" applyBorder="1" applyAlignment="1">
      <alignment horizontal="right" vertical="center"/>
    </xf>
    <xf numFmtId="0" fontId="8" fillId="0" borderId="31" xfId="0" applyFont="1" applyBorder="1" applyAlignment="1">
      <alignment horizontal="right" vertical="center"/>
    </xf>
    <xf numFmtId="0" fontId="8" fillId="0" borderId="47" xfId="0" applyFont="1" applyBorder="1" applyAlignment="1">
      <alignment horizontal="left" vertical="center"/>
    </xf>
    <xf numFmtId="0" fontId="8" fillId="0" borderId="21" xfId="0" applyFont="1" applyBorder="1" applyAlignment="1">
      <alignment horizontal="left" vertical="center"/>
    </xf>
    <xf numFmtId="181" fontId="8" fillId="0" borderId="6" xfId="0" applyNumberFormat="1" applyFont="1" applyBorder="1" applyAlignment="1">
      <alignment horizontal="right" vertical="center"/>
    </xf>
    <xf numFmtId="177" fontId="12" fillId="0" borderId="2" xfId="0" applyNumberFormat="1" applyFont="1" applyBorder="1" applyAlignment="1">
      <alignment horizontal="center" vertical="center" wrapText="1" shrinkToFit="1"/>
    </xf>
    <xf numFmtId="177" fontId="12" fillId="0" borderId="11" xfId="0" applyNumberFormat="1" applyFont="1" applyBorder="1" applyAlignment="1">
      <alignment horizontal="center" vertical="center" wrapText="1" shrinkToFit="1"/>
    </xf>
    <xf numFmtId="177" fontId="12" fillId="0" borderId="0" xfId="0" applyNumberFormat="1" applyFont="1" applyAlignment="1">
      <alignment horizontal="center" vertical="center" wrapText="1" shrinkToFit="1"/>
    </xf>
    <xf numFmtId="177" fontId="12" fillId="0" borderId="4" xfId="0" applyNumberFormat="1" applyFont="1" applyBorder="1" applyAlignment="1">
      <alignment horizontal="center" vertical="center" wrapText="1" shrinkToFit="1"/>
    </xf>
    <xf numFmtId="177" fontId="12" fillId="0" borderId="12" xfId="0" applyNumberFormat="1" applyFont="1" applyBorder="1" applyAlignment="1">
      <alignment horizontal="center" vertical="center" wrapText="1" shrinkToFit="1"/>
    </xf>
    <xf numFmtId="177" fontId="12" fillId="0" borderId="13" xfId="0" applyNumberFormat="1" applyFont="1" applyBorder="1" applyAlignment="1">
      <alignment horizontal="center" vertical="center" wrapText="1" shrinkToFit="1"/>
    </xf>
    <xf numFmtId="0" fontId="8" fillId="0" borderId="0" xfId="0" applyFont="1" applyAlignment="1">
      <alignment horizontal="distributed" vertical="center" wrapText="1" indent="1" shrinkToFit="1"/>
    </xf>
    <xf numFmtId="0" fontId="8" fillId="0" borderId="4" xfId="0" applyFont="1" applyBorder="1" applyAlignment="1">
      <alignment horizontal="distributed" vertical="center" wrapText="1" indent="1" shrinkToFit="1"/>
    </xf>
    <xf numFmtId="0" fontId="8" fillId="0" borderId="0" xfId="0" applyFont="1" applyAlignment="1">
      <alignment horizontal="distributed" vertical="center" indent="1"/>
    </xf>
    <xf numFmtId="0" fontId="8" fillId="0" borderId="4" xfId="0" applyFont="1" applyBorder="1" applyAlignment="1">
      <alignment horizontal="distributed" vertical="center" indent="1"/>
    </xf>
    <xf numFmtId="203" fontId="8" fillId="0" borderId="0" xfId="33" applyNumberFormat="1" applyFont="1" applyFill="1" applyBorder="1" applyAlignment="1">
      <alignment horizontal="right" vertical="center"/>
    </xf>
    <xf numFmtId="191" fontId="18" fillId="0" borderId="0" xfId="0" applyNumberFormat="1" applyFont="1" applyAlignment="1">
      <alignment horizontal="right" vertical="center"/>
    </xf>
    <xf numFmtId="201" fontId="18" fillId="0" borderId="0" xfId="0" applyNumberFormat="1" applyFont="1" applyAlignment="1">
      <alignment horizontal="right" vertical="center"/>
    </xf>
    <xf numFmtId="201" fontId="18" fillId="0" borderId="3" xfId="0" applyNumberFormat="1" applyFont="1" applyBorder="1" applyAlignment="1">
      <alignment horizontal="right" vertical="center"/>
    </xf>
    <xf numFmtId="185" fontId="8" fillId="0" borderId="0" xfId="0" applyNumberFormat="1" applyFont="1" applyAlignment="1">
      <alignment horizontal="right" vertical="center"/>
    </xf>
    <xf numFmtId="177" fontId="8" fillId="0" borderId="5" xfId="0" applyNumberFormat="1" applyFont="1" applyBorder="1" applyAlignment="1">
      <alignment horizontal="distributed" vertical="center" wrapText="1" indent="1"/>
    </xf>
    <xf numFmtId="177" fontId="8" fillId="0" borderId="6" xfId="0" applyNumberFormat="1" applyFont="1" applyBorder="1" applyAlignment="1">
      <alignment horizontal="distributed" vertical="center" indent="1"/>
    </xf>
    <xf numFmtId="177" fontId="8" fillId="0" borderId="8" xfId="0" applyNumberFormat="1" applyFont="1" applyBorder="1" applyAlignment="1">
      <alignment horizontal="distributed" vertical="center" indent="1"/>
    </xf>
    <xf numFmtId="42" fontId="8" fillId="0" borderId="6" xfId="33" applyNumberFormat="1" applyFont="1" applyFill="1" applyBorder="1" applyAlignment="1">
      <alignment horizontal="right" vertical="center"/>
    </xf>
    <xf numFmtId="185" fontId="18" fillId="0" borderId="20" xfId="0" applyNumberFormat="1" applyFont="1" applyBorder="1" applyAlignment="1">
      <alignment horizontal="right" vertical="center"/>
    </xf>
    <xf numFmtId="201" fontId="8" fillId="0" borderId="0" xfId="0" applyNumberFormat="1" applyFont="1" applyAlignment="1">
      <alignment horizontal="right" vertical="center"/>
    </xf>
    <xf numFmtId="179" fontId="8" fillId="0" borderId="0" xfId="33" applyNumberFormat="1" applyFont="1" applyFill="1" applyBorder="1" applyAlignment="1">
      <alignment horizontal="right" vertical="center"/>
    </xf>
    <xf numFmtId="42" fontId="8" fillId="0" borderId="0" xfId="0" applyNumberFormat="1" applyFont="1" applyAlignment="1">
      <alignment horizontal="right" vertical="center"/>
    </xf>
    <xf numFmtId="42" fontId="8" fillId="0" borderId="37" xfId="33" applyNumberFormat="1" applyFont="1" applyFill="1" applyBorder="1" applyAlignment="1">
      <alignment horizontal="right" vertical="center"/>
    </xf>
    <xf numFmtId="178" fontId="18" fillId="0" borderId="6" xfId="0" applyNumberFormat="1" applyFont="1" applyBorder="1" applyAlignment="1">
      <alignment horizontal="right" vertical="center"/>
    </xf>
    <xf numFmtId="178" fontId="18" fillId="0" borderId="26" xfId="0" applyNumberFormat="1" applyFont="1" applyBorder="1" applyAlignment="1">
      <alignment horizontal="right" vertical="center"/>
    </xf>
    <xf numFmtId="181" fontId="8" fillId="0" borderId="15" xfId="0" applyNumberFormat="1" applyFont="1" applyBorder="1" applyAlignment="1">
      <alignment horizontal="right" vertical="center"/>
    </xf>
    <xf numFmtId="181" fontId="8" fillId="0" borderId="29" xfId="0" applyNumberFormat="1" applyFont="1" applyBorder="1" applyAlignment="1">
      <alignment horizontal="right" vertical="center"/>
    </xf>
    <xf numFmtId="181" fontId="8" fillId="0" borderId="20" xfId="0" applyNumberFormat="1" applyFont="1" applyBorder="1" applyAlignment="1">
      <alignment horizontal="right" vertical="center"/>
    </xf>
    <xf numFmtId="179" fontId="18" fillId="0" borderId="0" xfId="0" applyNumberFormat="1" applyFont="1" applyAlignment="1">
      <alignment horizontal="right" vertical="center"/>
    </xf>
    <xf numFmtId="181" fontId="18" fillId="12" borderId="0" xfId="0" applyNumberFormat="1" applyFont="1" applyFill="1" applyAlignment="1">
      <alignment horizontal="right" vertical="center"/>
    </xf>
    <xf numFmtId="181" fontId="18" fillId="12" borderId="3" xfId="0" applyNumberFormat="1" applyFont="1" applyFill="1" applyBorder="1" applyAlignment="1">
      <alignment horizontal="right" vertical="center"/>
    </xf>
    <xf numFmtId="181" fontId="20" fillId="0" borderId="0" xfId="0" applyNumberFormat="1" applyFont="1" applyAlignment="1">
      <alignment horizontal="right" vertical="center"/>
    </xf>
    <xf numFmtId="200" fontId="8" fillId="0" borderId="0" xfId="0" applyNumberFormat="1" applyFont="1" applyAlignment="1">
      <alignment horizontal="right" vertical="center"/>
    </xf>
    <xf numFmtId="207" fontId="8" fillId="0" borderId="0" xfId="0" applyNumberFormat="1" applyFont="1" applyAlignment="1">
      <alignment horizontal="right" vertical="center"/>
    </xf>
    <xf numFmtId="177" fontId="8" fillId="0" borderId="31" xfId="0" applyNumberFormat="1" applyFont="1" applyBorder="1" applyAlignment="1">
      <alignment horizontal="center" vertical="center" shrinkToFit="1"/>
    </xf>
    <xf numFmtId="177" fontId="8" fillId="0" borderId="33" xfId="0" applyNumberFormat="1" applyFont="1" applyBorder="1" applyAlignment="1">
      <alignment horizontal="center" vertical="center" shrinkToFit="1"/>
    </xf>
    <xf numFmtId="177" fontId="8" fillId="0" borderId="21" xfId="0" applyNumberFormat="1" applyFont="1" applyBorder="1" applyAlignment="1">
      <alignment horizontal="center" vertical="center" shrinkToFit="1"/>
    </xf>
    <xf numFmtId="0" fontId="8" fillId="0" borderId="16" xfId="0" applyFont="1" applyBorder="1" applyAlignment="1">
      <alignment horizontal="left" vertical="center" indent="2"/>
    </xf>
    <xf numFmtId="0" fontId="8" fillId="0" borderId="2" xfId="0" applyFont="1" applyBorder="1" applyAlignment="1">
      <alignment horizontal="left" vertical="center" indent="2"/>
    </xf>
    <xf numFmtId="0" fontId="8" fillId="0" borderId="7" xfId="0" applyFont="1" applyBorder="1" applyAlignment="1">
      <alignment horizontal="left" vertical="center" indent="2"/>
    </xf>
    <xf numFmtId="0" fontId="8" fillId="0" borderId="10" xfId="0" applyFont="1" applyBorder="1" applyAlignment="1">
      <alignment horizontal="left" vertical="center" indent="2"/>
    </xf>
    <xf numFmtId="179" fontId="18" fillId="0" borderId="6" xfId="0" applyNumberFormat="1" applyFont="1" applyBorder="1" applyAlignment="1">
      <alignment vertical="center"/>
    </xf>
    <xf numFmtId="179" fontId="8" fillId="0" borderId="0" xfId="0" applyNumberFormat="1" applyFont="1" applyAlignment="1">
      <alignment horizontal="right" vertical="center"/>
    </xf>
    <xf numFmtId="179" fontId="8" fillId="0" borderId="15" xfId="0" applyNumberFormat="1" applyFont="1" applyBorder="1" applyAlignment="1">
      <alignment horizontal="right" vertical="center"/>
    </xf>
    <xf numFmtId="42" fontId="18" fillId="0" borderId="6" xfId="0" applyNumberFormat="1" applyFont="1" applyBorder="1" applyAlignment="1">
      <alignment horizontal="right" vertical="center"/>
    </xf>
    <xf numFmtId="177" fontId="8" fillId="0" borderId="1" xfId="0" applyNumberFormat="1" applyFont="1" applyBorder="1" applyAlignment="1">
      <alignment horizontal="center" vertical="center" wrapText="1" shrinkToFit="1"/>
    </xf>
    <xf numFmtId="177" fontId="8" fillId="0" borderId="0" xfId="0" applyNumberFormat="1" applyFont="1" applyAlignment="1">
      <alignment horizontal="center" vertical="center" wrapText="1" shrinkToFit="1"/>
    </xf>
    <xf numFmtId="177" fontId="11" fillId="0" borderId="31" xfId="0" applyNumberFormat="1" applyFont="1" applyBorder="1" applyAlignment="1">
      <alignment horizontal="center" vertical="center" textRotation="255" wrapText="1"/>
    </xf>
    <xf numFmtId="177" fontId="11" fillId="0" borderId="32" xfId="0" applyNumberFormat="1" applyFont="1" applyBorder="1" applyAlignment="1">
      <alignment horizontal="center" vertical="center" textRotation="255" wrapText="1"/>
    </xf>
    <xf numFmtId="177" fontId="11" fillId="0" borderId="33" xfId="0" applyNumberFormat="1" applyFont="1" applyBorder="1" applyAlignment="1">
      <alignment horizontal="center" vertical="center" textRotation="255" wrapText="1"/>
    </xf>
    <xf numFmtId="177" fontId="11" fillId="0" borderId="34" xfId="0" applyNumberFormat="1" applyFont="1" applyBorder="1" applyAlignment="1">
      <alignment horizontal="center" vertical="center" textRotation="255" wrapText="1"/>
    </xf>
    <xf numFmtId="177" fontId="11" fillId="0" borderId="21" xfId="0" applyNumberFormat="1" applyFont="1" applyBorder="1" applyAlignment="1">
      <alignment horizontal="center" vertical="center" textRotation="255" wrapText="1"/>
    </xf>
    <xf numFmtId="177" fontId="11" fillId="0" borderId="35" xfId="0" applyNumberFormat="1" applyFont="1" applyBorder="1" applyAlignment="1">
      <alignment horizontal="center" vertical="center" textRotation="255" wrapText="1"/>
    </xf>
    <xf numFmtId="185" fontId="8" fillId="0" borderId="3" xfId="0" applyNumberFormat="1" applyFont="1" applyBorder="1" applyAlignment="1">
      <alignment horizontal="right" vertical="center"/>
    </xf>
    <xf numFmtId="185" fontId="18" fillId="0" borderId="30" xfId="0" applyNumberFormat="1" applyFont="1" applyBorder="1" applyAlignment="1">
      <alignment horizontal="right" vertical="center"/>
    </xf>
    <xf numFmtId="42" fontId="8" fillId="0" borderId="3" xfId="0" applyNumberFormat="1" applyFont="1" applyBorder="1" applyAlignment="1">
      <alignment horizontal="right" vertical="center"/>
    </xf>
    <xf numFmtId="185" fontId="18" fillId="0" borderId="0" xfId="0" applyNumberFormat="1" applyFont="1" applyAlignment="1">
      <alignment horizontal="right" vertical="center"/>
    </xf>
    <xf numFmtId="184" fontId="8" fillId="0" borderId="1" xfId="0" applyNumberFormat="1" applyFont="1" applyBorder="1" applyAlignment="1">
      <alignment horizontal="right" vertical="center" indent="1"/>
    </xf>
    <xf numFmtId="184" fontId="8" fillId="0" borderId="0" xfId="0" applyNumberFormat="1" applyFont="1" applyAlignment="1">
      <alignment horizontal="right" vertical="center" indent="1"/>
    </xf>
    <xf numFmtId="184" fontId="8" fillId="0" borderId="4" xfId="0" applyNumberFormat="1" applyFont="1" applyBorder="1" applyAlignment="1">
      <alignment horizontal="right" vertical="center" indent="1"/>
    </xf>
    <xf numFmtId="179" fontId="18" fillId="0" borderId="6" xfId="0" applyNumberFormat="1" applyFont="1" applyBorder="1" applyAlignment="1">
      <alignment horizontal="right" vertical="center"/>
    </xf>
    <xf numFmtId="179" fontId="18" fillId="0" borderId="26" xfId="0" applyNumberFormat="1" applyFont="1" applyBorder="1" applyAlignment="1">
      <alignment horizontal="right" vertical="center"/>
    </xf>
    <xf numFmtId="184" fontId="18" fillId="0" borderId="5" xfId="0" applyNumberFormat="1" applyFont="1" applyBorder="1" applyAlignment="1">
      <alignment horizontal="right" vertical="center" indent="2"/>
    </xf>
    <xf numFmtId="184" fontId="18" fillId="0" borderId="6" xfId="0" applyNumberFormat="1" applyFont="1" applyBorder="1" applyAlignment="1">
      <alignment horizontal="right" vertical="center" indent="2"/>
    </xf>
    <xf numFmtId="184" fontId="18" fillId="0" borderId="8" xfId="0" applyNumberFormat="1" applyFont="1" applyBorder="1" applyAlignment="1">
      <alignment horizontal="right" vertical="center" indent="2"/>
    </xf>
    <xf numFmtId="176" fontId="8" fillId="0" borderId="23" xfId="0" applyNumberFormat="1" applyFont="1" applyBorder="1" applyAlignment="1">
      <alignment horizontal="center" vertical="center"/>
    </xf>
    <xf numFmtId="176" fontId="8" fillId="0" borderId="24" xfId="0" applyNumberFormat="1" applyFont="1" applyBorder="1" applyAlignment="1">
      <alignment horizontal="center" vertical="center"/>
    </xf>
    <xf numFmtId="176" fontId="8" fillId="0" borderId="54" xfId="0" applyNumberFormat="1" applyFont="1" applyBorder="1" applyAlignment="1">
      <alignment horizontal="center" vertical="center"/>
    </xf>
    <xf numFmtId="179" fontId="8" fillId="0" borderId="23" xfId="0" applyNumberFormat="1" applyFont="1" applyBorder="1" applyAlignment="1">
      <alignment horizontal="center" vertical="center"/>
    </xf>
    <xf numFmtId="179" fontId="8" fillId="0" borderId="24" xfId="0" applyNumberFormat="1" applyFont="1" applyBorder="1" applyAlignment="1">
      <alignment horizontal="center" vertical="center"/>
    </xf>
    <xf numFmtId="179" fontId="8" fillId="0" borderId="54" xfId="0" applyNumberFormat="1" applyFont="1" applyBorder="1" applyAlignment="1">
      <alignment horizontal="center" vertical="center"/>
    </xf>
    <xf numFmtId="178" fontId="8" fillId="0" borderId="0" xfId="0" applyNumberFormat="1" applyFont="1" applyAlignment="1" applyProtection="1">
      <alignment horizontal="right" vertical="center"/>
      <protection locked="0"/>
    </xf>
    <xf numFmtId="179" fontId="8" fillId="0" borderId="0" xfId="0" applyNumberFormat="1" applyFont="1" applyAlignment="1" applyProtection="1">
      <alignment horizontal="right" vertical="center"/>
      <protection locked="0"/>
    </xf>
    <xf numFmtId="42" fontId="8" fillId="0" borderId="0" xfId="0" applyNumberFormat="1" applyFont="1" applyAlignment="1" applyProtection="1">
      <alignment horizontal="right" vertical="center"/>
      <protection locked="0"/>
    </xf>
    <xf numFmtId="178" fontId="8" fillId="0" borderId="3" xfId="0" applyNumberFormat="1" applyFont="1" applyBorder="1" applyAlignment="1" applyProtection="1">
      <alignment horizontal="right" vertical="center"/>
      <protection locked="0"/>
    </xf>
    <xf numFmtId="0" fontId="8" fillId="0" borderId="36" xfId="0" applyFont="1" applyBorder="1" applyAlignment="1">
      <alignment horizontal="distributed" vertical="center" indent="5"/>
    </xf>
    <xf numFmtId="0" fontId="8" fillId="0" borderId="7" xfId="0" applyFont="1" applyBorder="1" applyAlignment="1">
      <alignment horizontal="distributed" vertical="center" indent="5"/>
    </xf>
    <xf numFmtId="0" fontId="8" fillId="0" borderId="46" xfId="0" applyFont="1" applyBorder="1" applyAlignment="1">
      <alignment horizontal="distributed" vertical="center" indent="5"/>
    </xf>
    <xf numFmtId="42" fontId="18" fillId="0" borderId="6" xfId="0" applyNumberFormat="1" applyFont="1" applyBorder="1" applyAlignment="1" applyProtection="1">
      <alignment horizontal="right" vertical="center"/>
      <protection locked="0"/>
    </xf>
    <xf numFmtId="0" fontId="8" fillId="0" borderId="29" xfId="0" applyFont="1" applyBorder="1" applyAlignment="1">
      <alignment horizontal="distributed" vertical="center"/>
    </xf>
    <xf numFmtId="0" fontId="8" fillId="0" borderId="20" xfId="0" applyFont="1" applyBorder="1" applyAlignment="1">
      <alignment horizontal="distributed" vertical="center"/>
    </xf>
    <xf numFmtId="0" fontId="8" fillId="0" borderId="28" xfId="0" applyFont="1" applyBorder="1" applyAlignment="1">
      <alignment horizontal="distributed" vertical="center"/>
    </xf>
    <xf numFmtId="0" fontId="8" fillId="0" borderId="17" xfId="0" applyFont="1" applyBorder="1" applyAlignment="1">
      <alignment horizontal="distributed" vertical="center"/>
    </xf>
    <xf numFmtId="0" fontId="8" fillId="0" borderId="12" xfId="0" applyFont="1" applyBorder="1" applyAlignment="1">
      <alignment horizontal="distributed" vertical="center"/>
    </xf>
    <xf numFmtId="0" fontId="8" fillId="0" borderId="13" xfId="0" applyFont="1" applyBorder="1" applyAlignment="1">
      <alignment horizontal="distributed" vertical="center"/>
    </xf>
    <xf numFmtId="186" fontId="8" fillId="0" borderId="0" xfId="0" applyNumberFormat="1" applyFont="1" applyAlignment="1">
      <alignment horizontal="right" vertical="center"/>
    </xf>
    <xf numFmtId="186" fontId="8" fillId="0" borderId="3" xfId="0" applyNumberFormat="1" applyFont="1" applyBorder="1" applyAlignment="1">
      <alignment horizontal="right" vertical="center"/>
    </xf>
    <xf numFmtId="184" fontId="18" fillId="0" borderId="5" xfId="0" applyNumberFormat="1" applyFont="1" applyBorder="1" applyAlignment="1">
      <alignment horizontal="right" vertical="center" indent="1"/>
    </xf>
    <xf numFmtId="184" fontId="18" fillId="0" borderId="6" xfId="0" applyNumberFormat="1" applyFont="1" applyBorder="1" applyAlignment="1">
      <alignment horizontal="right" vertical="center" indent="1"/>
    </xf>
    <xf numFmtId="184" fontId="18" fillId="0" borderId="8" xfId="0" applyNumberFormat="1" applyFont="1" applyBorder="1" applyAlignment="1">
      <alignment horizontal="right" vertical="center" indent="1"/>
    </xf>
    <xf numFmtId="0" fontId="8" fillId="0" borderId="17" xfId="0" applyFont="1" applyBorder="1" applyAlignment="1">
      <alignment horizontal="center" vertical="center" wrapText="1"/>
    </xf>
    <xf numFmtId="0" fontId="8" fillId="0" borderId="12" xfId="0" applyFont="1" applyBorder="1" applyAlignment="1">
      <alignment horizontal="center" vertical="center" wrapText="1"/>
    </xf>
    <xf numFmtId="0" fontId="8" fillId="0" borderId="19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distributed" vertical="center" indent="1" shrinkToFit="1"/>
    </xf>
    <xf numFmtId="0" fontId="8" fillId="0" borderId="8" xfId="0" applyFont="1" applyBorder="1" applyAlignment="1">
      <alignment horizontal="distributed" vertical="center" indent="1" shrinkToFit="1"/>
    </xf>
    <xf numFmtId="181" fontId="18" fillId="0" borderId="6" xfId="0" applyNumberFormat="1" applyFont="1" applyBorder="1" applyAlignment="1">
      <alignment horizontal="right" vertical="center"/>
    </xf>
    <xf numFmtId="181" fontId="18" fillId="0" borderId="26" xfId="0" applyNumberFormat="1" applyFont="1" applyBorder="1" applyAlignment="1">
      <alignment horizontal="right" vertical="center"/>
    </xf>
    <xf numFmtId="177" fontId="12" fillId="0" borderId="3" xfId="0" applyNumberFormat="1" applyFont="1" applyBorder="1" applyAlignment="1">
      <alignment horizontal="center" vertical="center" wrapText="1" shrinkToFit="1"/>
    </xf>
    <xf numFmtId="177" fontId="12" fillId="0" borderId="19" xfId="0" applyNumberFormat="1" applyFont="1" applyBorder="1" applyAlignment="1">
      <alignment horizontal="center" vertical="center" wrapText="1" shrinkToFit="1"/>
    </xf>
    <xf numFmtId="177" fontId="8" fillId="0" borderId="46" xfId="0" applyNumberFormat="1" applyFont="1" applyBorder="1" applyAlignment="1">
      <alignment horizontal="center" vertical="center"/>
    </xf>
    <xf numFmtId="177" fontId="12" fillId="0" borderId="11" xfId="0" applyNumberFormat="1" applyFont="1" applyBorder="1" applyAlignment="1">
      <alignment horizontal="center" vertical="center" wrapText="1"/>
    </xf>
    <xf numFmtId="177" fontId="12" fillId="0" borderId="4" xfId="0" applyNumberFormat="1" applyFont="1" applyBorder="1" applyAlignment="1">
      <alignment horizontal="center" vertical="center" wrapText="1"/>
    </xf>
    <xf numFmtId="177" fontId="12" fillId="0" borderId="13" xfId="0" applyNumberFormat="1" applyFont="1" applyBorder="1" applyAlignment="1">
      <alignment horizontal="center" vertical="center" wrapText="1"/>
    </xf>
    <xf numFmtId="0" fontId="8" fillId="0" borderId="1" xfId="0" applyFont="1" applyBorder="1" applyAlignment="1">
      <alignment horizontal="right" vertical="center"/>
    </xf>
    <xf numFmtId="0" fontId="8" fillId="0" borderId="0" xfId="0" applyFont="1" applyAlignment="1">
      <alignment horizontal="right" vertical="center"/>
    </xf>
    <xf numFmtId="0" fontId="8" fillId="0" borderId="4" xfId="0" applyFont="1" applyBorder="1" applyAlignment="1">
      <alignment horizontal="right" vertical="center"/>
    </xf>
    <xf numFmtId="0" fontId="8" fillId="0" borderId="39" xfId="0" applyFont="1" applyBorder="1" applyAlignment="1">
      <alignment horizontal="center" vertical="center" shrinkToFit="1"/>
    </xf>
    <xf numFmtId="0" fontId="8" fillId="0" borderId="23" xfId="0" applyFont="1" applyBorder="1" applyAlignment="1">
      <alignment horizontal="center" vertical="center" shrinkToFit="1"/>
    </xf>
    <xf numFmtId="0" fontId="8" fillId="0" borderId="24" xfId="0" applyFont="1" applyBorder="1" applyAlignment="1">
      <alignment horizontal="center" vertical="center" shrinkToFit="1"/>
    </xf>
    <xf numFmtId="0" fontId="8" fillId="0" borderId="25" xfId="0" applyFont="1" applyBorder="1" applyAlignment="1">
      <alignment horizontal="center" vertical="center" shrinkToFit="1"/>
    </xf>
    <xf numFmtId="194" fontId="8" fillId="0" borderId="27" xfId="0" applyNumberFormat="1" applyFont="1" applyBorder="1" applyAlignment="1">
      <alignment horizontal="right" vertical="center" indent="1"/>
    </xf>
    <xf numFmtId="194" fontId="8" fillId="0" borderId="20" xfId="0" applyNumberFormat="1" applyFont="1" applyBorder="1" applyAlignment="1">
      <alignment horizontal="right" vertical="center" indent="1"/>
    </xf>
    <xf numFmtId="194" fontId="8" fillId="0" borderId="28" xfId="0" applyNumberFormat="1" applyFont="1" applyBorder="1" applyAlignment="1">
      <alignment horizontal="right" vertical="center" indent="1"/>
    </xf>
    <xf numFmtId="176" fontId="8" fillId="0" borderId="31" xfId="0" applyNumberFormat="1" applyFont="1" applyBorder="1" applyAlignment="1">
      <alignment horizontal="distributed" vertical="center" indent="1"/>
    </xf>
    <xf numFmtId="176" fontId="8" fillId="0" borderId="21" xfId="0" applyNumberFormat="1" applyFont="1" applyBorder="1" applyAlignment="1">
      <alignment horizontal="distributed" vertical="center" indent="1"/>
    </xf>
    <xf numFmtId="179" fontId="18" fillId="0" borderId="37" xfId="0" applyNumberFormat="1" applyFont="1" applyBorder="1" applyAlignment="1">
      <alignment horizontal="right" vertical="center"/>
    </xf>
    <xf numFmtId="176" fontId="8" fillId="0" borderId="11" xfId="0" applyNumberFormat="1" applyFont="1" applyBorder="1" applyAlignment="1">
      <alignment horizontal="distributed" vertical="center" indent="1"/>
    </xf>
    <xf numFmtId="176" fontId="8" fillId="0" borderId="13" xfId="0" applyNumberFormat="1" applyFont="1" applyBorder="1" applyAlignment="1">
      <alignment horizontal="distributed" vertical="center" indent="1"/>
    </xf>
    <xf numFmtId="190" fontId="18" fillId="0" borderId="6" xfId="0" applyNumberFormat="1" applyFont="1" applyBorder="1" applyAlignment="1">
      <alignment horizontal="right" vertical="center"/>
    </xf>
    <xf numFmtId="194" fontId="8" fillId="0" borderId="27" xfId="0" applyNumberFormat="1" applyFont="1" applyBorder="1" applyAlignment="1">
      <alignment horizontal="right" vertical="center" indent="2"/>
    </xf>
    <xf numFmtId="194" fontId="8" fillId="0" borderId="20" xfId="0" applyNumberFormat="1" applyFont="1" applyBorder="1" applyAlignment="1">
      <alignment horizontal="right" vertical="center" indent="2"/>
    </xf>
    <xf numFmtId="194" fontId="8" fillId="0" borderId="28" xfId="0" applyNumberFormat="1" applyFont="1" applyBorder="1" applyAlignment="1">
      <alignment horizontal="right" vertical="center" indent="2"/>
    </xf>
    <xf numFmtId="179" fontId="8" fillId="0" borderId="15" xfId="0" applyNumberFormat="1" applyFont="1" applyBorder="1" applyAlignment="1">
      <alignment vertical="center"/>
    </xf>
    <xf numFmtId="179" fontId="8" fillId="0" borderId="0" xfId="0" applyNumberFormat="1" applyFont="1" applyAlignment="1">
      <alignment vertical="center"/>
    </xf>
    <xf numFmtId="0" fontId="8" fillId="0" borderId="38" xfId="0" applyFont="1" applyBorder="1" applyAlignment="1">
      <alignment horizontal="distributed" vertical="center" indent="1"/>
    </xf>
    <xf numFmtId="0" fontId="8" fillId="0" borderId="39" xfId="0" applyFont="1" applyBorder="1" applyAlignment="1">
      <alignment horizontal="distributed" vertical="center" indent="1"/>
    </xf>
    <xf numFmtId="190" fontId="8" fillId="0" borderId="0" xfId="0" applyNumberFormat="1" applyFont="1" applyAlignment="1">
      <alignment horizontal="right" vertical="center"/>
    </xf>
    <xf numFmtId="187" fontId="8" fillId="0" borderId="0" xfId="0" applyNumberFormat="1" applyFont="1" applyAlignment="1">
      <alignment horizontal="right" vertical="center"/>
    </xf>
    <xf numFmtId="187" fontId="8" fillId="0" borderId="3" xfId="0" applyNumberFormat="1" applyFont="1" applyBorder="1" applyAlignment="1">
      <alignment horizontal="right" vertical="center"/>
    </xf>
    <xf numFmtId="0" fontId="8" fillId="0" borderId="16" xfId="0" applyFont="1" applyBorder="1" applyAlignment="1">
      <alignment horizontal="distributed" vertical="center" indent="1"/>
    </xf>
    <xf numFmtId="0" fontId="8" fillId="0" borderId="2" xfId="0" applyFont="1" applyBorder="1" applyAlignment="1">
      <alignment horizontal="distributed" vertical="center" indent="1"/>
    </xf>
    <xf numFmtId="0" fontId="8" fillId="0" borderId="18" xfId="0" applyFont="1" applyBorder="1" applyAlignment="1">
      <alignment horizontal="distributed" vertical="center" indent="1"/>
    </xf>
    <xf numFmtId="0" fontId="8" fillId="0" borderId="15" xfId="0" applyFont="1" applyBorder="1" applyAlignment="1">
      <alignment horizontal="distributed" vertical="center" indent="1"/>
    </xf>
    <xf numFmtId="0" fontId="8" fillId="0" borderId="3" xfId="0" applyFont="1" applyBorder="1" applyAlignment="1">
      <alignment horizontal="distributed" vertical="center" indent="1"/>
    </xf>
    <xf numFmtId="176" fontId="8" fillId="0" borderId="0" xfId="0" applyNumberFormat="1" applyFont="1" applyAlignment="1">
      <alignment horizontal="right" vertical="center"/>
    </xf>
    <xf numFmtId="176" fontId="8" fillId="0" borderId="38" xfId="0" applyNumberFormat="1" applyFont="1" applyBorder="1" applyAlignment="1">
      <alignment horizontal="distributed" vertical="center" indent="1"/>
    </xf>
    <xf numFmtId="176" fontId="8" fillId="0" borderId="39" xfId="0" applyNumberFormat="1" applyFont="1" applyBorder="1" applyAlignment="1">
      <alignment horizontal="distributed" vertical="center" indent="1"/>
    </xf>
    <xf numFmtId="179" fontId="12" fillId="0" borderId="31" xfId="0" applyNumberFormat="1" applyFont="1" applyBorder="1" applyAlignment="1">
      <alignment horizontal="center" vertical="center" wrapText="1" shrinkToFit="1"/>
    </xf>
    <xf numFmtId="179" fontId="12" fillId="0" borderId="33" xfId="0" applyNumberFormat="1" applyFont="1" applyBorder="1" applyAlignment="1">
      <alignment horizontal="center" vertical="center" wrapText="1" shrinkToFit="1"/>
    </xf>
    <xf numFmtId="179" fontId="12" fillId="0" borderId="21" xfId="0" applyNumberFormat="1" applyFont="1" applyBorder="1" applyAlignment="1">
      <alignment horizontal="center" vertical="center" wrapText="1" shrinkToFit="1"/>
    </xf>
    <xf numFmtId="187" fontId="18" fillId="0" borderId="6" xfId="0" applyNumberFormat="1" applyFont="1" applyBorder="1" applyAlignment="1">
      <alignment horizontal="right" vertical="center"/>
    </xf>
    <xf numFmtId="190" fontId="8" fillId="0" borderId="20" xfId="0" applyNumberFormat="1" applyFont="1" applyBorder="1" applyAlignment="1">
      <alignment horizontal="right" vertical="center"/>
    </xf>
    <xf numFmtId="176" fontId="20" fillId="0" borderId="0" xfId="0" applyNumberFormat="1" applyFont="1" applyAlignment="1">
      <alignment horizontal="right" vertical="center"/>
    </xf>
    <xf numFmtId="176" fontId="20" fillId="0" borderId="29" xfId="0" applyNumberFormat="1" applyFont="1" applyBorder="1" applyAlignment="1">
      <alignment horizontal="right" vertical="center"/>
    </xf>
    <xf numFmtId="176" fontId="20" fillId="0" borderId="20" xfId="0" applyNumberFormat="1" applyFont="1" applyBorder="1" applyAlignment="1">
      <alignment horizontal="right" vertical="center"/>
    </xf>
    <xf numFmtId="0" fontId="8" fillId="0" borderId="39" xfId="0" applyFont="1" applyBorder="1" applyAlignment="1">
      <alignment horizontal="center" vertical="center"/>
    </xf>
    <xf numFmtId="206" fontId="8" fillId="0" borderId="1" xfId="0" applyNumberFormat="1" applyFont="1" applyBorder="1" applyAlignment="1">
      <alignment horizontal="right" vertical="center" indent="1"/>
    </xf>
    <xf numFmtId="206" fontId="8" fillId="0" borderId="0" xfId="0" applyNumberFormat="1" applyFont="1" applyAlignment="1">
      <alignment horizontal="right" vertical="center" indent="1"/>
    </xf>
    <xf numFmtId="206" fontId="8" fillId="0" borderId="4" xfId="0" applyNumberFormat="1" applyFont="1" applyBorder="1" applyAlignment="1">
      <alignment horizontal="right" vertical="center" indent="1"/>
    </xf>
    <xf numFmtId="180" fontId="18" fillId="0" borderId="6" xfId="0" applyNumberFormat="1" applyFont="1" applyBorder="1" applyAlignment="1" applyProtection="1">
      <alignment horizontal="right" vertical="center"/>
      <protection locked="0"/>
    </xf>
    <xf numFmtId="0" fontId="8" fillId="0" borderId="16" xfId="0" applyFont="1" applyBorder="1" applyAlignment="1">
      <alignment horizontal="distributed" wrapText="1" indent="2"/>
    </xf>
    <xf numFmtId="0" fontId="8" fillId="0" borderId="2" xfId="0" applyFont="1" applyBorder="1" applyAlignment="1">
      <alignment horizontal="distributed" wrapText="1" indent="2"/>
    </xf>
    <xf numFmtId="0" fontId="8" fillId="0" borderId="18" xfId="0" applyFont="1" applyBorder="1" applyAlignment="1">
      <alignment horizontal="distributed" wrapText="1" indent="2"/>
    </xf>
    <xf numFmtId="179" fontId="12" fillId="0" borderId="31" xfId="0" applyNumberFormat="1" applyFont="1" applyBorder="1" applyAlignment="1">
      <alignment horizontal="distributed" vertical="center" wrapText="1" shrinkToFit="1"/>
    </xf>
    <xf numFmtId="179" fontId="12" fillId="0" borderId="33" xfId="0" applyNumberFormat="1" applyFont="1" applyBorder="1" applyAlignment="1">
      <alignment horizontal="distributed" vertical="center" wrapText="1" shrinkToFit="1"/>
    </xf>
    <xf numFmtId="179" fontId="12" fillId="0" borderId="21" xfId="0" applyNumberFormat="1" applyFont="1" applyBorder="1" applyAlignment="1">
      <alignment horizontal="distributed" vertical="center" wrapText="1" shrinkToFit="1"/>
    </xf>
    <xf numFmtId="0" fontId="8" fillId="0" borderId="16" xfId="0" applyFont="1" applyBorder="1" applyAlignment="1">
      <alignment horizontal="distributed" vertical="center" indent="1" shrinkToFit="1"/>
    </xf>
    <xf numFmtId="0" fontId="8" fillId="0" borderId="2" xfId="0" applyFont="1" applyBorder="1" applyAlignment="1">
      <alignment horizontal="distributed" vertical="center" indent="1" shrinkToFit="1"/>
    </xf>
    <xf numFmtId="0" fontId="8" fillId="0" borderId="11" xfId="0" applyFont="1" applyBorder="1" applyAlignment="1">
      <alignment horizontal="distributed" vertical="center" indent="1" shrinkToFit="1"/>
    </xf>
    <xf numFmtId="0" fontId="8" fillId="0" borderId="17" xfId="0" applyFont="1" applyBorder="1" applyAlignment="1">
      <alignment horizontal="distributed" vertical="center" indent="1" shrinkToFit="1"/>
    </xf>
    <xf numFmtId="0" fontId="8" fillId="0" borderId="12" xfId="0" applyFont="1" applyBorder="1" applyAlignment="1">
      <alignment horizontal="distributed" vertical="center" indent="1" shrinkToFit="1"/>
    </xf>
    <xf numFmtId="0" fontId="8" fillId="0" borderId="13" xfId="0" applyFont="1" applyBorder="1" applyAlignment="1">
      <alignment horizontal="distributed" vertical="center" indent="1" shrinkToFit="1"/>
    </xf>
    <xf numFmtId="190" fontId="8" fillId="0" borderId="15" xfId="0" applyNumberFormat="1" applyFont="1" applyBorder="1" applyAlignment="1">
      <alignment horizontal="right" vertical="center"/>
    </xf>
    <xf numFmtId="176" fontId="8" fillId="0" borderId="39" xfId="0" applyNumberFormat="1" applyFont="1" applyBorder="1" applyAlignment="1">
      <alignment horizontal="center" vertical="center" wrapText="1"/>
    </xf>
    <xf numFmtId="0" fontId="17" fillId="0" borderId="39" xfId="0" applyFont="1" applyBorder="1"/>
    <xf numFmtId="41" fontId="20" fillId="0" borderId="20" xfId="0" applyNumberFormat="1" applyFont="1" applyBorder="1" applyAlignment="1">
      <alignment horizontal="right" vertical="center"/>
    </xf>
    <xf numFmtId="41" fontId="20" fillId="0" borderId="30" xfId="0" applyNumberFormat="1" applyFont="1" applyBorder="1" applyAlignment="1">
      <alignment horizontal="right" vertical="center"/>
    </xf>
    <xf numFmtId="41" fontId="20" fillId="0" borderId="0" xfId="0" applyNumberFormat="1" applyFont="1" applyAlignment="1">
      <alignment horizontal="right" vertical="center"/>
    </xf>
    <xf numFmtId="41" fontId="20" fillId="0" borderId="3" xfId="0" applyNumberFormat="1" applyFont="1" applyBorder="1" applyAlignment="1">
      <alignment horizontal="right" vertical="center"/>
    </xf>
    <xf numFmtId="0" fontId="8" fillId="0" borderId="21" xfId="0" applyFont="1" applyBorder="1" applyAlignment="1">
      <alignment horizontal="center" vertical="center"/>
    </xf>
    <xf numFmtId="178" fontId="8" fillId="0" borderId="0" xfId="0" applyNumberFormat="1" applyFont="1" applyAlignment="1">
      <alignment vertical="center"/>
    </xf>
    <xf numFmtId="0" fontId="8" fillId="0" borderId="23" xfId="0" applyFont="1" applyBorder="1" applyAlignment="1">
      <alignment horizontal="distributed" vertical="center" indent="1"/>
    </xf>
    <xf numFmtId="0" fontId="8" fillId="0" borderId="24" xfId="0" applyFont="1" applyBorder="1" applyAlignment="1">
      <alignment horizontal="distributed" vertical="center" indent="1"/>
    </xf>
    <xf numFmtId="0" fontId="8" fillId="0" borderId="25" xfId="0" applyFont="1" applyBorder="1" applyAlignment="1">
      <alignment horizontal="distributed" vertical="center" indent="1"/>
    </xf>
    <xf numFmtId="176" fontId="8" fillId="0" borderId="22" xfId="0" applyNumberFormat="1" applyFont="1" applyBorder="1" applyAlignment="1">
      <alignment horizontal="distributed" vertical="center" indent="1"/>
    </xf>
    <xf numFmtId="190" fontId="41" fillId="0" borderId="0" xfId="0" applyNumberFormat="1" applyFont="1" applyAlignment="1">
      <alignment horizontal="right" vertical="center"/>
    </xf>
    <xf numFmtId="190" fontId="41" fillId="0" borderId="15" xfId="0" applyNumberFormat="1" applyFont="1" applyBorder="1" applyAlignment="1">
      <alignment horizontal="right" vertical="center"/>
    </xf>
    <xf numFmtId="176" fontId="8" fillId="0" borderId="36" xfId="0" applyNumberFormat="1" applyFont="1" applyBorder="1" applyAlignment="1">
      <alignment horizontal="distributed" vertical="center" indent="4"/>
    </xf>
    <xf numFmtId="176" fontId="8" fillId="0" borderId="7" xfId="0" applyNumberFormat="1" applyFont="1" applyBorder="1" applyAlignment="1">
      <alignment horizontal="distributed" vertical="center" indent="4"/>
    </xf>
    <xf numFmtId="176" fontId="8" fillId="0" borderId="10" xfId="0" applyNumberFormat="1" applyFont="1" applyBorder="1" applyAlignment="1">
      <alignment horizontal="distributed" vertical="center" indent="4"/>
    </xf>
    <xf numFmtId="201" fontId="18" fillId="0" borderId="6" xfId="0" applyNumberFormat="1" applyFont="1" applyBorder="1" applyAlignment="1" applyProtection="1">
      <alignment horizontal="right" vertical="center"/>
      <protection locked="0"/>
    </xf>
    <xf numFmtId="201" fontId="18" fillId="0" borderId="26" xfId="0" applyNumberFormat="1" applyFont="1" applyBorder="1" applyAlignment="1" applyProtection="1">
      <alignment horizontal="right" vertical="center"/>
      <protection locked="0"/>
    </xf>
    <xf numFmtId="201" fontId="8" fillId="0" borderId="3" xfId="0" applyNumberFormat="1" applyFont="1" applyBorder="1" applyAlignment="1">
      <alignment horizontal="right" vertical="center"/>
    </xf>
    <xf numFmtId="0" fontId="8" fillId="0" borderId="36" xfId="0" applyFont="1" applyBorder="1" applyAlignment="1">
      <alignment horizontal="distributed" vertical="center" indent="2"/>
    </xf>
    <xf numFmtId="0" fontId="8" fillId="0" borderId="7" xfId="0" applyFont="1" applyBorder="1" applyAlignment="1">
      <alignment horizontal="distributed" vertical="center" indent="2"/>
    </xf>
    <xf numFmtId="0" fontId="8" fillId="0" borderId="46" xfId="0" applyFont="1" applyBorder="1" applyAlignment="1">
      <alignment horizontal="distributed" vertical="center" indent="2"/>
    </xf>
    <xf numFmtId="180" fontId="8" fillId="0" borderId="0" xfId="0" applyNumberFormat="1" applyFont="1" applyAlignment="1">
      <alignment horizontal="right" vertical="center"/>
    </xf>
    <xf numFmtId="178" fontId="8" fillId="0" borderId="15" xfId="0" applyNumberFormat="1" applyFont="1" applyBorder="1" applyAlignment="1">
      <alignment vertical="center"/>
    </xf>
    <xf numFmtId="178" fontId="8" fillId="0" borderId="0" xfId="0" applyNumberFormat="1" applyFont="1" applyAlignment="1">
      <alignment horizontal="right" vertical="center"/>
    </xf>
    <xf numFmtId="0" fontId="8" fillId="0" borderId="10" xfId="0" applyFont="1" applyBorder="1" applyAlignment="1">
      <alignment horizontal="distributed" vertical="center" indent="2"/>
    </xf>
    <xf numFmtId="0" fontId="8" fillId="0" borderId="54" xfId="0" applyFont="1" applyBorder="1" applyAlignment="1">
      <alignment horizontal="center" vertical="center"/>
    </xf>
    <xf numFmtId="178" fontId="8" fillId="0" borderId="15" xfId="0" applyNumberFormat="1" applyFont="1" applyBorder="1" applyAlignment="1" applyProtection="1">
      <alignment vertical="center"/>
      <protection locked="0"/>
    </xf>
    <xf numFmtId="178" fontId="8" fillId="0" borderId="0" xfId="0" applyNumberFormat="1" applyFont="1" applyAlignment="1" applyProtection="1">
      <alignment vertical="center"/>
      <protection locked="0"/>
    </xf>
    <xf numFmtId="178" fontId="18" fillId="0" borderId="6" xfId="0" applyNumberFormat="1" applyFont="1" applyBorder="1" applyAlignment="1" applyProtection="1">
      <alignment vertical="center"/>
      <protection locked="0"/>
    </xf>
    <xf numFmtId="0" fontId="8" fillId="0" borderId="29" xfId="0" applyFont="1" applyBorder="1" applyAlignment="1">
      <alignment horizontal="distributed" vertical="center" wrapText="1"/>
    </xf>
    <xf numFmtId="0" fontId="8" fillId="0" borderId="20" xfId="0" applyFont="1" applyBorder="1" applyAlignment="1">
      <alignment horizontal="distributed" vertical="center" wrapText="1"/>
    </xf>
    <xf numFmtId="0" fontId="8" fillId="0" borderId="28" xfId="0" applyFont="1" applyBorder="1" applyAlignment="1">
      <alignment horizontal="distributed" vertical="center" wrapText="1"/>
    </xf>
    <xf numFmtId="0" fontId="8" fillId="0" borderId="17" xfId="0" applyFont="1" applyBorder="1" applyAlignment="1">
      <alignment horizontal="distributed" vertical="center" wrapText="1"/>
    </xf>
    <xf numFmtId="0" fontId="8" fillId="0" borderId="12" xfId="0" applyFont="1" applyBorder="1" applyAlignment="1">
      <alignment horizontal="distributed" vertical="center" wrapText="1"/>
    </xf>
    <xf numFmtId="0" fontId="8" fillId="0" borderId="13" xfId="0" applyFont="1" applyBorder="1" applyAlignment="1">
      <alignment horizontal="distributed" vertical="center" wrapText="1"/>
    </xf>
    <xf numFmtId="206" fontId="8" fillId="0" borderId="1" xfId="0" applyNumberFormat="1" applyFont="1" applyBorder="1" applyAlignment="1">
      <alignment horizontal="right" vertical="center" indent="2"/>
    </xf>
    <xf numFmtId="206" fontId="8" fillId="0" borderId="0" xfId="0" applyNumberFormat="1" applyFont="1" applyAlignment="1">
      <alignment horizontal="right" vertical="center" indent="2"/>
    </xf>
    <xf numFmtId="206" fontId="8" fillId="0" borderId="4" xfId="0" applyNumberFormat="1" applyFont="1" applyBorder="1" applyAlignment="1">
      <alignment horizontal="right" vertical="center" indent="2"/>
    </xf>
    <xf numFmtId="180" fontId="18" fillId="0" borderId="37" xfId="0" applyNumberFormat="1" applyFont="1" applyBorder="1" applyAlignment="1">
      <alignment horizontal="right" vertical="center"/>
    </xf>
    <xf numFmtId="180" fontId="18" fillId="0" borderId="6" xfId="0" applyNumberFormat="1" applyFont="1" applyBorder="1" applyAlignment="1">
      <alignment horizontal="right" vertical="center"/>
    </xf>
    <xf numFmtId="0" fontId="8" fillId="0" borderId="11" xfId="0" applyFont="1" applyBorder="1" applyAlignment="1">
      <alignment horizontal="distributed" wrapText="1" indent="2"/>
    </xf>
    <xf numFmtId="184" fontId="8" fillId="0" borderId="1" xfId="0" applyNumberFormat="1" applyFont="1" applyBorder="1" applyAlignment="1">
      <alignment horizontal="right" vertical="center" indent="2"/>
    </xf>
    <xf numFmtId="184" fontId="8" fillId="0" borderId="0" xfId="0" applyNumberFormat="1" applyFont="1" applyAlignment="1">
      <alignment horizontal="right" vertical="center" indent="2"/>
    </xf>
    <xf numFmtId="184" fontId="8" fillId="0" borderId="4" xfId="0" applyNumberFormat="1" applyFont="1" applyBorder="1" applyAlignment="1">
      <alignment horizontal="right" vertical="center" indent="2"/>
    </xf>
    <xf numFmtId="176" fontId="20" fillId="0" borderId="3" xfId="0" applyNumberFormat="1" applyFont="1" applyBorder="1" applyAlignment="1">
      <alignment horizontal="right" vertical="center"/>
    </xf>
    <xf numFmtId="0" fontId="8" fillId="0" borderId="23" xfId="0" applyFont="1" applyBorder="1" applyAlignment="1">
      <alignment horizontal="distributed" vertical="center"/>
    </xf>
    <xf numFmtId="0" fontId="8" fillId="0" borderId="24" xfId="0" applyFont="1" applyBorder="1" applyAlignment="1">
      <alignment horizontal="distributed" vertical="center"/>
    </xf>
    <xf numFmtId="0" fontId="8" fillId="0" borderId="25" xfId="0" applyFont="1" applyBorder="1" applyAlignment="1">
      <alignment horizontal="distributed" vertical="center"/>
    </xf>
    <xf numFmtId="186" fontId="18" fillId="0" borderId="6" xfId="0" applyNumberFormat="1" applyFont="1" applyBorder="1" applyAlignment="1">
      <alignment horizontal="right" vertical="center"/>
    </xf>
    <xf numFmtId="186" fontId="18" fillId="0" borderId="26" xfId="0" applyNumberFormat="1" applyFont="1" applyBorder="1" applyAlignment="1">
      <alignment horizontal="right" vertical="center"/>
    </xf>
    <xf numFmtId="180" fontId="8" fillId="0" borderId="0" xfId="0" applyNumberFormat="1" applyFont="1" applyAlignment="1" applyProtection="1">
      <alignment horizontal="right" vertical="center"/>
      <protection locked="0"/>
    </xf>
    <xf numFmtId="176" fontId="18" fillId="0" borderId="37" xfId="0" applyNumberFormat="1" applyFont="1" applyBorder="1" applyAlignment="1">
      <alignment horizontal="center" vertical="center"/>
    </xf>
    <xf numFmtId="176" fontId="18" fillId="0" borderId="6" xfId="0" applyNumberFormat="1" applyFont="1" applyBorder="1" applyAlignment="1">
      <alignment horizontal="center" vertical="center"/>
    </xf>
    <xf numFmtId="176" fontId="18" fillId="0" borderId="8" xfId="0" applyNumberFormat="1" applyFont="1" applyBorder="1" applyAlignment="1">
      <alignment horizontal="center" vertical="center"/>
    </xf>
    <xf numFmtId="0" fontId="8" fillId="0" borderId="16" xfId="0" applyFont="1" applyBorder="1" applyAlignment="1">
      <alignment horizontal="distributed" vertical="center" indent="2"/>
    </xf>
    <xf numFmtId="0" fontId="8" fillId="0" borderId="2" xfId="0" applyFont="1" applyBorder="1" applyAlignment="1">
      <alignment horizontal="distributed" vertical="center" indent="2"/>
    </xf>
    <xf numFmtId="0" fontId="8" fillId="0" borderId="11" xfId="0" applyFont="1" applyBorder="1" applyAlignment="1">
      <alignment horizontal="distributed" vertical="center" indent="2"/>
    </xf>
    <xf numFmtId="0" fontId="8" fillId="0" borderId="17" xfId="0" applyFont="1" applyBorder="1" applyAlignment="1">
      <alignment horizontal="distributed" vertical="center" indent="2"/>
    </xf>
    <xf numFmtId="0" fontId="8" fillId="0" borderId="12" xfId="0" applyFont="1" applyBorder="1" applyAlignment="1">
      <alignment horizontal="distributed" vertical="center" indent="2"/>
    </xf>
    <xf numFmtId="0" fontId="8" fillId="0" borderId="13" xfId="0" applyFont="1" applyBorder="1" applyAlignment="1">
      <alignment horizontal="distributed" vertical="center" indent="2"/>
    </xf>
    <xf numFmtId="180" fontId="8" fillId="0" borderId="15" xfId="0" applyNumberFormat="1" applyFont="1" applyBorder="1" applyAlignment="1">
      <alignment horizontal="right" vertical="center"/>
    </xf>
    <xf numFmtId="0" fontId="8" fillId="0" borderId="11" xfId="0" applyFont="1" applyBorder="1" applyAlignment="1">
      <alignment horizontal="distributed" vertical="center" indent="1"/>
    </xf>
    <xf numFmtId="0" fontId="8" fillId="0" borderId="17" xfId="0" applyFont="1" applyBorder="1" applyAlignment="1">
      <alignment horizontal="distributed" vertical="center" indent="1"/>
    </xf>
    <xf numFmtId="0" fontId="8" fillId="0" borderId="12" xfId="0" applyFont="1" applyBorder="1" applyAlignment="1">
      <alignment horizontal="distributed" vertical="center" indent="1"/>
    </xf>
    <xf numFmtId="0" fontId="8" fillId="0" borderId="13" xfId="0" applyFont="1" applyBorder="1" applyAlignment="1">
      <alignment horizontal="distributed" vertical="center" indent="1"/>
    </xf>
    <xf numFmtId="179" fontId="8" fillId="0" borderId="20" xfId="0" applyNumberFormat="1" applyFont="1" applyBorder="1" applyAlignment="1">
      <alignment vertical="center"/>
    </xf>
    <xf numFmtId="0" fontId="8" fillId="0" borderId="16" xfId="0" applyFont="1" applyBorder="1" applyAlignment="1">
      <alignment horizontal="distributed" vertical="center"/>
    </xf>
    <xf numFmtId="0" fontId="8" fillId="0" borderId="2" xfId="0" applyFont="1" applyBorder="1" applyAlignment="1">
      <alignment horizontal="distributed" vertical="center"/>
    </xf>
    <xf numFmtId="0" fontId="8" fillId="0" borderId="11" xfId="0" applyFont="1" applyBorder="1" applyAlignment="1">
      <alignment horizontal="distributed" vertical="center"/>
    </xf>
    <xf numFmtId="190" fontId="8" fillId="0" borderId="30" xfId="0" applyNumberFormat="1" applyFont="1" applyBorder="1" applyAlignment="1">
      <alignment horizontal="right" vertical="center"/>
    </xf>
    <xf numFmtId="190" fontId="8" fillId="0" borderId="3" xfId="0" applyNumberFormat="1" applyFont="1" applyBorder="1" applyAlignment="1">
      <alignment horizontal="right" vertical="center"/>
    </xf>
    <xf numFmtId="187" fontId="18" fillId="0" borderId="26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distributed" vertical="center" wrapText="1" indent="1"/>
    </xf>
    <xf numFmtId="176" fontId="12" fillId="0" borderId="21" xfId="0" applyNumberFormat="1" applyFont="1" applyBorder="1" applyAlignment="1">
      <alignment horizontal="distributed" vertical="center" wrapText="1" indent="1"/>
    </xf>
    <xf numFmtId="0" fontId="8" fillId="0" borderId="22" xfId="0" applyFont="1" applyBorder="1" applyAlignment="1">
      <alignment horizontal="distributed" vertical="center" indent="1"/>
    </xf>
    <xf numFmtId="0" fontId="8" fillId="0" borderId="21" xfId="0" applyFont="1" applyBorder="1" applyAlignment="1">
      <alignment horizontal="center" vertical="center" shrinkToFit="1"/>
    </xf>
    <xf numFmtId="176" fontId="8" fillId="0" borderId="16" xfId="0" applyNumberFormat="1" applyFont="1" applyBorder="1" applyAlignment="1">
      <alignment horizontal="distributed" vertical="center" wrapText="1" indent="1"/>
    </xf>
    <xf numFmtId="176" fontId="8" fillId="0" borderId="2" xfId="0" applyNumberFormat="1" applyFont="1" applyBorder="1" applyAlignment="1">
      <alignment horizontal="distributed" vertical="center" wrapText="1" indent="1"/>
    </xf>
    <xf numFmtId="176" fontId="8" fillId="0" borderId="11" xfId="0" applyNumberFormat="1" applyFont="1" applyBorder="1" applyAlignment="1">
      <alignment horizontal="distributed" vertical="center" wrapText="1" indent="1"/>
    </xf>
    <xf numFmtId="176" fontId="8" fillId="0" borderId="17" xfId="0" applyNumberFormat="1" applyFont="1" applyBorder="1" applyAlignment="1">
      <alignment horizontal="distributed" vertical="center" wrapText="1" indent="1"/>
    </xf>
    <xf numFmtId="176" fontId="8" fillId="0" borderId="12" xfId="0" applyNumberFormat="1" applyFont="1" applyBorder="1" applyAlignment="1">
      <alignment horizontal="distributed" vertical="center" wrapText="1" indent="1"/>
    </xf>
    <xf numFmtId="176" fontId="8" fillId="0" borderId="13" xfId="0" applyNumberFormat="1" applyFont="1" applyBorder="1" applyAlignment="1">
      <alignment horizontal="distributed" vertical="center" wrapText="1" indent="1"/>
    </xf>
    <xf numFmtId="0" fontId="8" fillId="0" borderId="16" xfId="0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8" fillId="0" borderId="11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 wrapText="1"/>
    </xf>
    <xf numFmtId="191" fontId="8" fillId="0" borderId="0" xfId="0" applyNumberFormat="1" applyFont="1" applyAlignment="1">
      <alignment horizontal="right" vertical="center"/>
    </xf>
    <xf numFmtId="49" fontId="8" fillId="0" borderId="0" xfId="0" applyNumberFormat="1" applyFont="1" applyAlignment="1">
      <alignment horizontal="right" vertical="center"/>
    </xf>
    <xf numFmtId="0" fontId="8" fillId="0" borderId="9" xfId="0" applyFont="1" applyBorder="1" applyAlignment="1">
      <alignment horizontal="right" vertical="top"/>
    </xf>
    <xf numFmtId="0" fontId="8" fillId="0" borderId="2" xfId="0" applyFont="1" applyBorder="1" applyAlignment="1">
      <alignment horizontal="right" vertical="top"/>
    </xf>
    <xf numFmtId="0" fontId="8" fillId="0" borderId="11" xfId="0" applyFont="1" applyBorder="1" applyAlignment="1">
      <alignment horizontal="right" vertical="top"/>
    </xf>
    <xf numFmtId="179" fontId="18" fillId="0" borderId="37" xfId="0" applyNumberFormat="1" applyFont="1" applyBorder="1" applyAlignment="1">
      <alignment vertical="center"/>
    </xf>
    <xf numFmtId="0" fontId="8" fillId="0" borderId="31" xfId="0" applyFont="1" applyBorder="1" applyAlignment="1">
      <alignment horizontal="left" vertical="center"/>
    </xf>
    <xf numFmtId="176" fontId="8" fillId="0" borderId="15" xfId="0" applyNumberFormat="1" applyFont="1" applyBorder="1" applyAlignment="1">
      <alignment vertical="center"/>
    </xf>
    <xf numFmtId="176" fontId="8" fillId="0" borderId="0" xfId="0" applyNumberFormat="1" applyFont="1" applyAlignment="1">
      <alignment vertical="center"/>
    </xf>
    <xf numFmtId="191" fontId="18" fillId="0" borderId="6" xfId="0" applyNumberFormat="1" applyFont="1" applyBorder="1" applyAlignment="1">
      <alignment horizontal="right" vertical="center"/>
    </xf>
    <xf numFmtId="179" fontId="8" fillId="0" borderId="3" xfId="0" applyNumberFormat="1" applyFont="1" applyBorder="1" applyAlignment="1">
      <alignment vertical="center"/>
    </xf>
    <xf numFmtId="0" fontId="8" fillId="0" borderId="31" xfId="0" applyFont="1" applyBorder="1" applyAlignment="1">
      <alignment horizontal="center" vertical="center" wrapText="1"/>
    </xf>
    <xf numFmtId="0" fontId="8" fillId="0" borderId="21" xfId="0" applyFont="1" applyBorder="1" applyAlignment="1">
      <alignment horizontal="center" vertical="center" wrapText="1"/>
    </xf>
    <xf numFmtId="49" fontId="18" fillId="0" borderId="0" xfId="0" applyNumberFormat="1" applyFont="1" applyAlignment="1">
      <alignment horizontal="right" vertical="center"/>
    </xf>
    <xf numFmtId="0" fontId="8" fillId="0" borderId="17" xfId="0" applyFont="1" applyBorder="1" applyAlignment="1">
      <alignment vertical="center"/>
    </xf>
    <xf numFmtId="0" fontId="8" fillId="0" borderId="12" xfId="0" applyFont="1" applyBorder="1" applyAlignment="1">
      <alignment vertical="center"/>
    </xf>
    <xf numFmtId="0" fontId="8" fillId="0" borderId="38" xfId="0" applyFont="1" applyBorder="1" applyAlignment="1">
      <alignment horizontal="distributed" vertical="center" indent="4"/>
    </xf>
    <xf numFmtId="0" fontId="8" fillId="0" borderId="41" xfId="0" applyFont="1" applyBorder="1" applyAlignment="1">
      <alignment horizontal="distributed" vertical="center" indent="4"/>
    </xf>
    <xf numFmtId="179" fontId="8" fillId="0" borderId="1" xfId="0" applyNumberFormat="1" applyFont="1" applyBorder="1" applyAlignment="1">
      <alignment horizontal="right" vertical="center"/>
    </xf>
    <xf numFmtId="204" fontId="8" fillId="0" borderId="27" xfId="0" applyNumberFormat="1" applyFont="1" applyBorder="1" applyAlignment="1">
      <alignment horizontal="right" vertical="center" indent="4"/>
    </xf>
    <xf numFmtId="204" fontId="8" fillId="0" borderId="20" xfId="0" applyNumberFormat="1" applyFont="1" applyBorder="1" applyAlignment="1">
      <alignment horizontal="right" vertical="center" indent="4"/>
    </xf>
    <xf numFmtId="204" fontId="8" fillId="0" borderId="28" xfId="0" applyNumberFormat="1" applyFont="1" applyBorder="1" applyAlignment="1">
      <alignment horizontal="right" vertical="center" indent="4"/>
    </xf>
    <xf numFmtId="191" fontId="8" fillId="0" borderId="3" xfId="0" applyNumberFormat="1" applyFont="1" applyBorder="1" applyAlignment="1">
      <alignment horizontal="right" vertical="center"/>
    </xf>
    <xf numFmtId="184" fontId="18" fillId="0" borderId="5" xfId="0" applyNumberFormat="1" applyFont="1" applyBorder="1" applyAlignment="1">
      <alignment horizontal="right" vertical="center" indent="3"/>
    </xf>
    <xf numFmtId="184" fontId="18" fillId="0" borderId="6" xfId="0" applyNumberFormat="1" applyFont="1" applyBorder="1" applyAlignment="1">
      <alignment horizontal="right" vertical="center" indent="3"/>
    </xf>
    <xf numFmtId="184" fontId="18" fillId="0" borderId="8" xfId="0" applyNumberFormat="1" applyFont="1" applyBorder="1" applyAlignment="1">
      <alignment horizontal="right" vertical="center" indent="3"/>
    </xf>
    <xf numFmtId="176" fontId="18" fillId="0" borderId="6" xfId="0" applyNumberFormat="1" applyFont="1" applyBorder="1" applyAlignment="1">
      <alignment vertical="center"/>
    </xf>
    <xf numFmtId="195" fontId="8" fillId="0" borderId="27" xfId="0" applyNumberFormat="1" applyFont="1" applyBorder="1" applyAlignment="1">
      <alignment vertical="center"/>
    </xf>
    <xf numFmtId="195" fontId="8" fillId="0" borderId="20" xfId="0" applyNumberFormat="1" applyFont="1" applyBorder="1" applyAlignment="1">
      <alignment vertical="center"/>
    </xf>
    <xf numFmtId="195" fontId="8" fillId="0" borderId="28" xfId="0" applyNumberFormat="1" applyFont="1" applyBorder="1" applyAlignment="1">
      <alignment vertical="center"/>
    </xf>
    <xf numFmtId="193" fontId="18" fillId="0" borderId="5" xfId="0" applyNumberFormat="1" applyFont="1" applyBorder="1" applyAlignment="1">
      <alignment horizontal="right" vertical="center"/>
    </xf>
    <xf numFmtId="193" fontId="18" fillId="0" borderId="6" xfId="0" applyNumberFormat="1" applyFont="1" applyBorder="1" applyAlignment="1">
      <alignment horizontal="right" vertical="center"/>
    </xf>
    <xf numFmtId="193" fontId="18" fillId="0" borderId="8" xfId="0" applyNumberFormat="1" applyFont="1" applyBorder="1" applyAlignment="1">
      <alignment horizontal="right" vertical="center"/>
    </xf>
    <xf numFmtId="0" fontId="8" fillId="0" borderId="14" xfId="0" applyFont="1" applyBorder="1" applyAlignment="1">
      <alignment vertical="center"/>
    </xf>
    <xf numFmtId="0" fontId="8" fillId="0" borderId="13" xfId="0" applyFont="1" applyBorder="1" applyAlignment="1">
      <alignment vertical="center"/>
    </xf>
    <xf numFmtId="0" fontId="8" fillId="0" borderId="38" xfId="0" applyFont="1" applyBorder="1" applyAlignment="1">
      <alignment horizontal="distributed" vertical="center" wrapText="1" shrinkToFit="1"/>
    </xf>
    <xf numFmtId="0" fontId="8" fillId="0" borderId="39" xfId="0" applyFont="1" applyBorder="1" applyAlignment="1">
      <alignment horizontal="distributed" vertical="center" wrapText="1" shrinkToFit="1"/>
    </xf>
    <xf numFmtId="49" fontId="8" fillId="0" borderId="3" xfId="0" applyNumberFormat="1" applyFont="1" applyBorder="1" applyAlignment="1">
      <alignment horizontal="right" vertical="center"/>
    </xf>
    <xf numFmtId="0" fontId="8" fillId="0" borderId="18" xfId="0" applyFont="1" applyBorder="1" applyAlignment="1">
      <alignment horizontal="center" vertical="center"/>
    </xf>
    <xf numFmtId="0" fontId="8" fillId="0" borderId="36" xfId="0" applyFont="1" applyBorder="1" applyAlignment="1">
      <alignment horizontal="distributed" vertical="center" indent="6"/>
    </xf>
    <xf numFmtId="0" fontId="8" fillId="0" borderId="7" xfId="0" applyFont="1" applyBorder="1" applyAlignment="1">
      <alignment horizontal="distributed" vertical="center" indent="6"/>
    </xf>
    <xf numFmtId="0" fontId="8" fillId="0" borderId="10" xfId="0" applyFont="1" applyBorder="1" applyAlignment="1">
      <alignment horizontal="distributed" vertical="center" indent="6"/>
    </xf>
    <xf numFmtId="0" fontId="18" fillId="0" borderId="1" xfId="0" applyFont="1" applyBorder="1" applyAlignment="1">
      <alignment horizontal="distributed" vertical="center" indent="1"/>
    </xf>
    <xf numFmtId="0" fontId="18" fillId="0" borderId="0" xfId="0" applyFont="1" applyAlignment="1">
      <alignment horizontal="distributed" vertical="center" indent="1"/>
    </xf>
    <xf numFmtId="0" fontId="18" fillId="0" borderId="4" xfId="0" applyFont="1" applyBorder="1" applyAlignment="1">
      <alignment horizontal="distributed" vertical="center" indent="1"/>
    </xf>
    <xf numFmtId="190" fontId="18" fillId="0" borderId="66" xfId="0" applyNumberFormat="1" applyFont="1" applyBorder="1" applyAlignment="1">
      <alignment horizontal="right" vertical="center"/>
    </xf>
    <xf numFmtId="190" fontId="18" fillId="0" borderId="67" xfId="0" applyNumberFormat="1" applyFont="1" applyBorder="1" applyAlignment="1">
      <alignment horizontal="right" vertical="center"/>
    </xf>
    <xf numFmtId="177" fontId="8" fillId="0" borderId="16" xfId="0" applyNumberFormat="1" applyFont="1" applyBorder="1" applyAlignment="1">
      <alignment horizontal="distributed" vertical="center" shrinkToFit="1"/>
    </xf>
    <xf numFmtId="177" fontId="8" fillId="0" borderId="2" xfId="0" applyNumberFormat="1" applyFont="1" applyBorder="1" applyAlignment="1">
      <alignment horizontal="distributed" vertical="center" shrinkToFit="1"/>
    </xf>
    <xf numFmtId="177" fontId="8" fillId="0" borderId="11" xfId="0" applyNumberFormat="1" applyFont="1" applyBorder="1" applyAlignment="1">
      <alignment horizontal="distributed" vertical="center" shrinkToFit="1"/>
    </xf>
    <xf numFmtId="177" fontId="8" fillId="0" borderId="17" xfId="0" applyNumberFormat="1" applyFont="1" applyBorder="1" applyAlignment="1">
      <alignment horizontal="distributed" vertical="center" shrinkToFit="1"/>
    </xf>
    <xf numFmtId="177" fontId="8" fillId="0" borderId="12" xfId="0" applyNumberFormat="1" applyFont="1" applyBorder="1" applyAlignment="1">
      <alignment horizontal="distributed" vertical="center" shrinkToFit="1"/>
    </xf>
    <xf numFmtId="177" fontId="8" fillId="0" borderId="13" xfId="0" applyNumberFormat="1" applyFont="1" applyBorder="1" applyAlignment="1">
      <alignment horizontal="distributed" vertical="center" shrinkToFit="1"/>
    </xf>
    <xf numFmtId="0" fontId="8" fillId="0" borderId="36" xfId="0" applyFont="1" applyBorder="1" applyAlignment="1">
      <alignment horizontal="distributed" vertical="center"/>
    </xf>
    <xf numFmtId="0" fontId="8" fillId="0" borderId="7" xfId="0" applyFont="1" applyBorder="1" applyAlignment="1">
      <alignment horizontal="distributed" vertical="center"/>
    </xf>
    <xf numFmtId="0" fontId="8" fillId="0" borderId="10" xfId="0" applyFont="1" applyBorder="1" applyAlignment="1">
      <alignment horizontal="distributed" vertical="center"/>
    </xf>
    <xf numFmtId="184" fontId="8" fillId="0" borderId="1" xfId="0" applyNumberFormat="1" applyFont="1" applyBorder="1" applyAlignment="1">
      <alignment horizontal="right" vertical="center" indent="4"/>
    </xf>
    <xf numFmtId="184" fontId="8" fillId="0" borderId="0" xfId="0" applyNumberFormat="1" applyFont="1" applyAlignment="1">
      <alignment horizontal="right" vertical="center" indent="4"/>
    </xf>
    <xf numFmtId="184" fontId="8" fillId="0" borderId="4" xfId="0" applyNumberFormat="1" applyFont="1" applyBorder="1" applyAlignment="1">
      <alignment horizontal="right" vertical="center" indent="4"/>
    </xf>
    <xf numFmtId="0" fontId="8" fillId="0" borderId="31" xfId="0" applyFont="1" applyBorder="1" applyAlignment="1">
      <alignment horizontal="distributed" vertical="center" shrinkToFit="1"/>
    </xf>
    <xf numFmtId="0" fontId="8" fillId="0" borderId="21" xfId="0" applyFont="1" applyBorder="1" applyAlignment="1">
      <alignment horizontal="distributed" vertical="center" shrinkToFit="1"/>
    </xf>
    <xf numFmtId="191" fontId="18" fillId="0" borderId="6" xfId="0" applyNumberFormat="1" applyFont="1" applyBorder="1" applyAlignment="1" applyProtection="1">
      <alignment horizontal="right" vertical="center"/>
      <protection locked="0"/>
    </xf>
    <xf numFmtId="191" fontId="18" fillId="0" borderId="26" xfId="0" applyNumberFormat="1" applyFont="1" applyBorder="1" applyAlignment="1" applyProtection="1">
      <alignment horizontal="right" vertical="center"/>
      <protection locked="0"/>
    </xf>
    <xf numFmtId="0" fontId="8" fillId="0" borderId="46" xfId="0" applyFont="1" applyBorder="1" applyAlignment="1">
      <alignment horizontal="center" vertical="center"/>
    </xf>
    <xf numFmtId="0" fontId="8" fillId="0" borderId="44" xfId="0" applyFont="1" applyBorder="1" applyAlignment="1">
      <alignment horizontal="center" vertical="center"/>
    </xf>
    <xf numFmtId="191" fontId="8" fillId="0" borderId="15" xfId="0" applyNumberFormat="1" applyFont="1" applyBorder="1" applyAlignment="1">
      <alignment horizontal="right" vertical="center"/>
    </xf>
    <xf numFmtId="191" fontId="8" fillId="0" borderId="0" xfId="0" applyNumberFormat="1" applyFont="1" applyAlignment="1" applyProtection="1">
      <alignment horizontal="right" vertical="center"/>
      <protection locked="0"/>
    </xf>
    <xf numFmtId="191" fontId="8" fillId="0" borderId="3" xfId="0" applyNumberFormat="1" applyFont="1" applyBorder="1" applyAlignment="1" applyProtection="1">
      <alignment horizontal="right" vertical="center"/>
      <protection locked="0"/>
    </xf>
    <xf numFmtId="191" fontId="18" fillId="0" borderId="20" xfId="0" applyNumberFormat="1" applyFont="1" applyBorder="1" applyAlignment="1">
      <alignment horizontal="right" vertical="center"/>
    </xf>
    <xf numFmtId="191" fontId="18" fillId="0" borderId="30" xfId="0" applyNumberFormat="1" applyFont="1" applyBorder="1" applyAlignment="1">
      <alignment horizontal="right" vertical="center"/>
    </xf>
    <xf numFmtId="179" fontId="8" fillId="0" borderId="15" xfId="33" applyNumberFormat="1" applyFont="1" applyFill="1" applyBorder="1" applyAlignment="1">
      <alignment horizontal="right" vertical="center"/>
    </xf>
    <xf numFmtId="177" fontId="8" fillId="0" borderId="1" xfId="0" applyNumberFormat="1" applyFont="1" applyBorder="1" applyAlignment="1">
      <alignment horizontal="distributed" vertical="center" wrapText="1" indent="1"/>
    </xf>
    <xf numFmtId="177" fontId="8" fillId="0" borderId="0" xfId="0" applyNumberFormat="1" applyFont="1" applyAlignment="1">
      <alignment horizontal="distributed" vertical="center" indent="1"/>
    </xf>
    <xf numFmtId="177" fontId="8" fillId="0" borderId="4" xfId="0" applyNumberFormat="1" applyFont="1" applyBorder="1" applyAlignment="1">
      <alignment horizontal="distributed" vertical="center" indent="1"/>
    </xf>
    <xf numFmtId="177" fontId="8" fillId="0" borderId="1" xfId="0" applyNumberFormat="1" applyFont="1" applyBorder="1" applyAlignment="1">
      <alignment horizontal="distributed" vertical="center" indent="1"/>
    </xf>
    <xf numFmtId="0" fontId="8" fillId="0" borderId="9" xfId="0" applyFont="1" applyBorder="1" applyAlignment="1">
      <alignment horizontal="right" vertical="center" wrapText="1"/>
    </xf>
    <xf numFmtId="0" fontId="8" fillId="0" borderId="2" xfId="0" applyFont="1" applyBorder="1" applyAlignment="1">
      <alignment horizontal="right" vertical="center" wrapText="1"/>
    </xf>
    <xf numFmtId="0" fontId="8" fillId="0" borderId="11" xfId="0" applyFont="1" applyBorder="1" applyAlignment="1">
      <alignment horizontal="right" vertical="center" wrapText="1"/>
    </xf>
    <xf numFmtId="177" fontId="18" fillId="0" borderId="27" xfId="0" applyNumberFormat="1" applyFont="1" applyBorder="1" applyAlignment="1">
      <alignment horizontal="center" vertical="center"/>
    </xf>
    <xf numFmtId="177" fontId="18" fillId="0" borderId="20" xfId="0" applyNumberFormat="1" applyFont="1" applyBorder="1" applyAlignment="1">
      <alignment horizontal="center" vertical="center"/>
    </xf>
    <xf numFmtId="177" fontId="18" fillId="0" borderId="28" xfId="0" applyNumberFormat="1" applyFont="1" applyBorder="1" applyAlignment="1">
      <alignment horizontal="center" vertical="center"/>
    </xf>
    <xf numFmtId="177" fontId="11" fillId="0" borderId="1" xfId="0" applyNumberFormat="1" applyFont="1" applyBorder="1" applyAlignment="1">
      <alignment horizontal="distributed" vertical="center" indent="1"/>
    </xf>
    <xf numFmtId="177" fontId="11" fillId="0" borderId="0" xfId="0" applyNumberFormat="1" applyFont="1" applyAlignment="1">
      <alignment horizontal="distributed" vertical="center" indent="1"/>
    </xf>
    <xf numFmtId="177" fontId="11" fillId="0" borderId="4" xfId="0" applyNumberFormat="1" applyFont="1" applyBorder="1" applyAlignment="1">
      <alignment horizontal="distributed" vertical="center" indent="1"/>
    </xf>
    <xf numFmtId="185" fontId="8" fillId="0" borderId="15" xfId="0" applyNumberFormat="1" applyFont="1" applyBorder="1" applyAlignment="1">
      <alignment horizontal="right" vertical="center"/>
    </xf>
    <xf numFmtId="177" fontId="8" fillId="0" borderId="0" xfId="0" applyNumberFormat="1" applyFont="1" applyAlignment="1">
      <alignment horizontal="distributed" vertical="center" wrapText="1" indent="1"/>
    </xf>
    <xf numFmtId="177" fontId="8" fillId="0" borderId="4" xfId="0" applyNumberFormat="1" applyFont="1" applyBorder="1" applyAlignment="1">
      <alignment horizontal="distributed" vertical="center" wrapText="1" indent="1"/>
    </xf>
    <xf numFmtId="177" fontId="11" fillId="0" borderId="1" xfId="0" applyNumberFormat="1" applyFont="1" applyBorder="1" applyAlignment="1">
      <alignment horizontal="distributed" vertical="center" wrapText="1" indent="1"/>
    </xf>
    <xf numFmtId="177" fontId="8" fillId="0" borderId="27" xfId="0" applyNumberFormat="1" applyFont="1" applyBorder="1" applyAlignment="1">
      <alignment horizontal="center" vertical="center"/>
    </xf>
    <xf numFmtId="200" fontId="8" fillId="0" borderId="0" xfId="33" applyNumberFormat="1" applyFont="1" applyFill="1" applyBorder="1" applyAlignment="1">
      <alignment horizontal="right" vertical="center"/>
    </xf>
    <xf numFmtId="42" fontId="8" fillId="0" borderId="15" xfId="33" applyNumberFormat="1" applyFont="1" applyFill="1" applyBorder="1" applyAlignment="1">
      <alignment horizontal="right" vertical="center"/>
    </xf>
    <xf numFmtId="42" fontId="8" fillId="0" borderId="0" xfId="33" applyNumberFormat="1" applyFont="1" applyFill="1" applyBorder="1" applyAlignment="1">
      <alignment horizontal="right" vertical="center"/>
    </xf>
    <xf numFmtId="200" fontId="8" fillId="0" borderId="3" xfId="0" applyNumberFormat="1" applyFont="1" applyBorder="1" applyAlignment="1">
      <alignment horizontal="right" vertical="center"/>
    </xf>
    <xf numFmtId="0" fontId="8" fillId="0" borderId="27" xfId="0" applyFont="1" applyBorder="1" applyAlignment="1">
      <alignment horizontal="distributed" vertical="center" indent="1"/>
    </xf>
    <xf numFmtId="0" fontId="8" fillId="0" borderId="20" xfId="0" applyFont="1" applyBorder="1" applyAlignment="1">
      <alignment horizontal="distributed" vertical="center" indent="1"/>
    </xf>
    <xf numFmtId="0" fontId="8" fillId="0" borderId="28" xfId="0" applyFont="1" applyBorder="1" applyAlignment="1">
      <alignment horizontal="distributed" vertical="center" indent="1"/>
    </xf>
    <xf numFmtId="204" fontId="8" fillId="0" borderId="16" xfId="0" applyNumberFormat="1" applyFont="1" applyBorder="1" applyAlignment="1">
      <alignment horizontal="center" vertical="center"/>
    </xf>
    <xf numFmtId="204" fontId="8" fillId="0" borderId="2" xfId="0" applyNumberFormat="1" applyFont="1" applyBorder="1" applyAlignment="1">
      <alignment horizontal="center" vertical="center"/>
    </xf>
    <xf numFmtId="204" fontId="8" fillId="0" borderId="11" xfId="0" applyNumberFormat="1" applyFont="1" applyBorder="1" applyAlignment="1">
      <alignment horizontal="center" vertical="center"/>
    </xf>
    <xf numFmtId="204" fontId="8" fillId="0" borderId="17" xfId="0" applyNumberFormat="1" applyFont="1" applyBorder="1" applyAlignment="1">
      <alignment horizontal="center" vertical="center"/>
    </xf>
    <xf numFmtId="204" fontId="8" fillId="0" borderId="12" xfId="0" applyNumberFormat="1" applyFont="1" applyBorder="1" applyAlignment="1">
      <alignment horizontal="center" vertical="center"/>
    </xf>
    <xf numFmtId="204" fontId="8" fillId="0" borderId="13" xfId="0" applyNumberFormat="1" applyFont="1" applyBorder="1" applyAlignment="1">
      <alignment horizontal="center" vertical="center"/>
    </xf>
    <xf numFmtId="181" fontId="18" fillId="0" borderId="0" xfId="0" applyNumberFormat="1" applyFont="1" applyAlignment="1">
      <alignment horizontal="center" vertical="center"/>
    </xf>
    <xf numFmtId="181" fontId="18" fillId="0" borderId="3" xfId="0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8" fillId="0" borderId="4" xfId="0" applyFont="1" applyBorder="1" applyAlignment="1">
      <alignment horizontal="left" vertical="center"/>
    </xf>
    <xf numFmtId="192" fontId="8" fillId="0" borderId="27" xfId="0" applyNumberFormat="1" applyFont="1" applyBorder="1" applyAlignment="1">
      <alignment vertical="center"/>
    </xf>
    <xf numFmtId="192" fontId="8" fillId="0" borderId="20" xfId="0" applyNumberFormat="1" applyFont="1" applyBorder="1" applyAlignment="1">
      <alignment vertical="center"/>
    </xf>
    <xf numFmtId="192" fontId="8" fillId="0" borderId="28" xfId="0" applyNumberFormat="1" applyFont="1" applyBorder="1" applyAlignment="1">
      <alignment vertical="center"/>
    </xf>
    <xf numFmtId="177" fontId="8" fillId="0" borderId="14" xfId="0" applyNumberFormat="1" applyFont="1" applyBorder="1" applyAlignment="1">
      <alignment horizontal="left" vertical="center"/>
    </xf>
    <xf numFmtId="177" fontId="8" fillId="0" borderId="12" xfId="0" applyNumberFormat="1" applyFont="1" applyBorder="1" applyAlignment="1">
      <alignment horizontal="left" vertical="center"/>
    </xf>
    <xf numFmtId="177" fontId="8" fillId="0" borderId="13" xfId="0" applyNumberFormat="1" applyFont="1" applyBorder="1" applyAlignment="1">
      <alignment horizontal="left" vertical="center"/>
    </xf>
    <xf numFmtId="191" fontId="18" fillId="0" borderId="37" xfId="0" applyNumberFormat="1" applyFont="1" applyBorder="1" applyAlignment="1" applyProtection="1">
      <alignment horizontal="right" vertical="center"/>
      <protection locked="0"/>
    </xf>
    <xf numFmtId="199" fontId="8" fillId="0" borderId="37" xfId="0" applyNumberFormat="1" applyFont="1" applyBorder="1" applyAlignment="1">
      <alignment horizontal="right" vertical="center"/>
    </xf>
    <xf numFmtId="199" fontId="8" fillId="0" borderId="6" xfId="0" applyNumberFormat="1" applyFont="1" applyBorder="1" applyAlignment="1">
      <alignment horizontal="right" vertical="center"/>
    </xf>
    <xf numFmtId="199" fontId="8" fillId="0" borderId="26" xfId="0" applyNumberFormat="1" applyFont="1" applyBorder="1" applyAlignment="1">
      <alignment horizontal="right" vertical="center"/>
    </xf>
    <xf numFmtId="186" fontId="8" fillId="0" borderId="15" xfId="0" applyNumberFormat="1" applyFont="1" applyBorder="1" applyAlignment="1">
      <alignment horizontal="right" vertical="center"/>
    </xf>
    <xf numFmtId="199" fontId="8" fillId="0" borderId="15" xfId="0" applyNumberFormat="1" applyFont="1" applyBorder="1" applyAlignment="1">
      <alignment horizontal="right" vertical="center"/>
    </xf>
    <xf numFmtId="199" fontId="8" fillId="0" borderId="0" xfId="0" applyNumberFormat="1" applyFont="1" applyAlignment="1">
      <alignment horizontal="right" vertical="center"/>
    </xf>
    <xf numFmtId="199" fontId="18" fillId="0" borderId="0" xfId="0" applyNumberFormat="1" applyFont="1" applyAlignment="1">
      <alignment horizontal="right" vertical="center"/>
    </xf>
    <xf numFmtId="199" fontId="18" fillId="0" borderId="3" xfId="0" applyNumberFormat="1" applyFont="1" applyBorder="1" applyAlignment="1">
      <alignment horizontal="right" vertical="center"/>
    </xf>
    <xf numFmtId="191" fontId="18" fillId="0" borderId="37" xfId="0" applyNumberFormat="1" applyFont="1" applyBorder="1" applyAlignment="1" applyProtection="1">
      <alignment horizontal="right" vertical="center" shrinkToFit="1"/>
      <protection locked="0"/>
    </xf>
    <xf numFmtId="191" fontId="18" fillId="0" borderId="6" xfId="0" applyNumberFormat="1" applyFont="1" applyBorder="1" applyAlignment="1" applyProtection="1">
      <alignment horizontal="right" vertical="center" shrinkToFit="1"/>
      <protection locked="0"/>
    </xf>
    <xf numFmtId="177" fontId="8" fillId="0" borderId="23" xfId="0" applyNumberFormat="1" applyFont="1" applyBorder="1" applyAlignment="1">
      <alignment horizontal="distributed" vertical="center" shrinkToFit="1"/>
    </xf>
    <xf numFmtId="177" fontId="8" fillId="0" borderId="24" xfId="0" applyNumberFormat="1" applyFont="1" applyBorder="1" applyAlignment="1">
      <alignment horizontal="distributed" vertical="center" shrinkToFit="1"/>
    </xf>
    <xf numFmtId="177" fontId="8" fillId="0" borderId="25" xfId="0" applyNumberFormat="1" applyFont="1" applyBorder="1" applyAlignment="1">
      <alignment horizontal="distributed" vertical="center" shrinkToFit="1"/>
    </xf>
    <xf numFmtId="199" fontId="8" fillId="0" borderId="3" xfId="0" applyNumberFormat="1" applyFont="1" applyBorder="1" applyAlignment="1">
      <alignment horizontal="right" vertical="center"/>
    </xf>
    <xf numFmtId="0" fontId="8" fillId="0" borderId="0" xfId="0" applyFont="1" applyAlignment="1">
      <alignment horizontal="distributed" vertical="center" wrapText="1"/>
    </xf>
    <xf numFmtId="184" fontId="18" fillId="0" borderId="5" xfId="0" applyNumberFormat="1" applyFont="1" applyBorder="1" applyAlignment="1">
      <alignment horizontal="right" vertical="center" indent="4"/>
    </xf>
    <xf numFmtId="184" fontId="18" fillId="0" borderId="6" xfId="0" applyNumberFormat="1" applyFont="1" applyBorder="1" applyAlignment="1">
      <alignment horizontal="right" vertical="center" indent="4"/>
    </xf>
    <xf numFmtId="184" fontId="18" fillId="0" borderId="8" xfId="0" applyNumberFormat="1" applyFont="1" applyBorder="1" applyAlignment="1">
      <alignment horizontal="right" vertical="center" indent="4"/>
    </xf>
    <xf numFmtId="176" fontId="8" fillId="0" borderId="3" xfId="0" applyNumberFormat="1" applyFont="1" applyBorder="1" applyAlignment="1">
      <alignment horizontal="right" vertical="center"/>
    </xf>
    <xf numFmtId="176" fontId="18" fillId="0" borderId="6" xfId="0" applyNumberFormat="1" applyFont="1" applyBorder="1" applyAlignment="1">
      <alignment horizontal="right" vertical="center"/>
    </xf>
    <xf numFmtId="176" fontId="8" fillId="0" borderId="29" xfId="0" applyNumberFormat="1" applyFont="1" applyBorder="1" applyAlignment="1">
      <alignment horizontal="right" vertical="center" shrinkToFit="1"/>
    </xf>
    <xf numFmtId="177" fontId="8" fillId="0" borderId="9" xfId="0" applyNumberFormat="1" applyFont="1" applyBorder="1" applyAlignment="1">
      <alignment horizontal="right" vertical="center"/>
    </xf>
    <xf numFmtId="177" fontId="8" fillId="0" borderId="2" xfId="0" applyNumberFormat="1" applyFont="1" applyBorder="1" applyAlignment="1">
      <alignment horizontal="right" vertical="center"/>
    </xf>
    <xf numFmtId="177" fontId="8" fillId="0" borderId="11" xfId="0" applyNumberFormat="1" applyFont="1" applyBorder="1" applyAlignment="1">
      <alignment horizontal="right" vertical="center"/>
    </xf>
    <xf numFmtId="177" fontId="16" fillId="0" borderId="0" xfId="0" applyNumberFormat="1" applyFont="1" applyAlignment="1">
      <alignment horizontal="left" vertical="center" shrinkToFit="1"/>
    </xf>
    <xf numFmtId="0" fontId="18" fillId="0" borderId="1" xfId="0" applyFont="1" applyBorder="1" applyAlignment="1">
      <alignment horizontal="distributed" vertical="center" wrapText="1"/>
    </xf>
    <xf numFmtId="0" fontId="18" fillId="0" borderId="0" xfId="0" applyFont="1" applyAlignment="1">
      <alignment horizontal="distributed" vertical="center" wrapText="1"/>
    </xf>
    <xf numFmtId="0" fontId="18" fillId="0" borderId="4" xfId="0" applyFont="1" applyBorder="1" applyAlignment="1">
      <alignment horizontal="distributed" vertical="center" wrapText="1"/>
    </xf>
    <xf numFmtId="176" fontId="8" fillId="0" borderId="20" xfId="0" applyNumberFormat="1" applyFont="1" applyBorder="1" applyAlignment="1">
      <alignment horizontal="right" vertical="center"/>
    </xf>
    <xf numFmtId="176" fontId="8" fillId="0" borderId="30" xfId="0" applyNumberFormat="1" applyFont="1" applyBorder="1" applyAlignment="1">
      <alignment horizontal="right" vertical="center"/>
    </xf>
    <xf numFmtId="0" fontId="8" fillId="0" borderId="16" xfId="0" applyFont="1" applyBorder="1" applyAlignment="1">
      <alignment horizontal="distributed" vertical="center" wrapText="1" indent="1"/>
    </xf>
    <xf numFmtId="0" fontId="18" fillId="0" borderId="9" xfId="0" applyFont="1" applyBorder="1" applyAlignment="1">
      <alignment horizontal="distributed" vertical="center" indent="1"/>
    </xf>
    <xf numFmtId="0" fontId="18" fillId="0" borderId="2" xfId="0" applyFont="1" applyBorder="1" applyAlignment="1">
      <alignment horizontal="distributed" vertical="center" indent="1"/>
    </xf>
    <xf numFmtId="0" fontId="18" fillId="0" borderId="11" xfId="0" applyFont="1" applyBorder="1" applyAlignment="1">
      <alignment horizontal="distributed" vertical="center" indent="1"/>
    </xf>
    <xf numFmtId="0" fontId="18" fillId="0" borderId="14" xfId="0" applyFont="1" applyBorder="1" applyAlignment="1">
      <alignment horizontal="distributed" vertical="center" indent="1"/>
    </xf>
    <xf numFmtId="0" fontId="18" fillId="0" borderId="12" xfId="0" applyFont="1" applyBorder="1" applyAlignment="1">
      <alignment horizontal="distributed" vertical="center" indent="1"/>
    </xf>
    <xf numFmtId="0" fontId="18" fillId="0" borderId="13" xfId="0" applyFont="1" applyBorder="1" applyAlignment="1">
      <alignment horizontal="distributed" vertical="center" indent="1"/>
    </xf>
    <xf numFmtId="0" fontId="8" fillId="0" borderId="6" xfId="0" applyFont="1" applyBorder="1" applyAlignment="1" applyProtection="1">
      <alignment horizontal="center" vertical="center"/>
      <protection locked="0"/>
    </xf>
    <xf numFmtId="0" fontId="8" fillId="0" borderId="42" xfId="0" applyFont="1" applyBorder="1" applyAlignment="1" applyProtection="1">
      <alignment horizontal="center" vertical="center"/>
      <protection locked="0"/>
    </xf>
    <xf numFmtId="0" fontId="8" fillId="0" borderId="43" xfId="0" applyFont="1" applyBorder="1" applyAlignment="1" applyProtection="1">
      <alignment horizontal="center" vertical="center"/>
      <protection locked="0"/>
    </xf>
    <xf numFmtId="196" fontId="18" fillId="0" borderId="37" xfId="0" applyNumberFormat="1" applyFont="1" applyBorder="1" applyAlignment="1" applyProtection="1">
      <alignment horizontal="right" vertical="center"/>
      <protection locked="0"/>
    </xf>
    <xf numFmtId="196" fontId="18" fillId="0" borderId="6" xfId="0" applyNumberFormat="1" applyFont="1" applyBorder="1" applyAlignment="1" applyProtection="1">
      <alignment horizontal="right" vertical="center"/>
      <protection locked="0"/>
    </xf>
    <xf numFmtId="197" fontId="18" fillId="0" borderId="6" xfId="0" applyNumberFormat="1" applyFont="1" applyBorder="1" applyAlignment="1" applyProtection="1">
      <alignment horizontal="right" vertical="center"/>
      <protection locked="0"/>
    </xf>
    <xf numFmtId="0" fontId="8" fillId="0" borderId="19" xfId="0" applyFont="1" applyBorder="1" applyAlignment="1">
      <alignment horizontal="distributed" vertical="center" indent="1"/>
    </xf>
    <xf numFmtId="197" fontId="8" fillId="0" borderId="0" xfId="0" applyNumberFormat="1" applyFont="1" applyAlignment="1" applyProtection="1">
      <alignment horizontal="right" vertical="center"/>
      <protection locked="0"/>
    </xf>
    <xf numFmtId="196" fontId="8" fillId="0" borderId="29" xfId="0" applyNumberFormat="1" applyFont="1" applyBorder="1" applyAlignment="1">
      <alignment horizontal="right" vertical="center"/>
    </xf>
    <xf numFmtId="196" fontId="8" fillId="0" borderId="20" xfId="0" applyNumberFormat="1" applyFont="1" applyBorder="1" applyAlignment="1">
      <alignment horizontal="right" vertical="center"/>
    </xf>
    <xf numFmtId="197" fontId="8" fillId="0" borderId="20" xfId="0" applyNumberFormat="1" applyFont="1" applyBorder="1" applyAlignment="1">
      <alignment horizontal="right" vertical="center"/>
    </xf>
    <xf numFmtId="197" fontId="18" fillId="0" borderId="0" xfId="0" applyNumberFormat="1" applyFont="1" applyAlignment="1" applyProtection="1">
      <alignment horizontal="right" vertical="center"/>
      <protection locked="0"/>
    </xf>
    <xf numFmtId="0" fontId="8" fillId="0" borderId="6" xfId="0" applyFont="1" applyBorder="1" applyAlignment="1" applyProtection="1">
      <alignment horizontal="center" vertical="center" wrapText="1"/>
      <protection locked="0"/>
    </xf>
    <xf numFmtId="0" fontId="8" fillId="0" borderId="2" xfId="0" applyFont="1" applyBorder="1" applyAlignment="1">
      <alignment horizontal="distributed" vertical="center" wrapText="1" indent="1"/>
    </xf>
    <xf numFmtId="0" fontId="8" fillId="0" borderId="11" xfId="0" applyFont="1" applyBorder="1" applyAlignment="1">
      <alignment horizontal="distributed" vertical="center" wrapText="1" indent="1"/>
    </xf>
    <xf numFmtId="0" fontId="8" fillId="0" borderId="17" xfId="0" applyFont="1" applyBorder="1" applyAlignment="1">
      <alignment horizontal="distributed" vertical="center" wrapText="1" indent="1"/>
    </xf>
    <xf numFmtId="0" fontId="8" fillId="0" borderId="12" xfId="0" applyFont="1" applyBorder="1" applyAlignment="1">
      <alignment horizontal="distributed" vertical="center" wrapText="1" indent="1"/>
    </xf>
    <xf numFmtId="0" fontId="8" fillId="0" borderId="13" xfId="0" applyFont="1" applyBorder="1" applyAlignment="1">
      <alignment horizontal="distributed" vertical="center" wrapText="1" indent="1"/>
    </xf>
    <xf numFmtId="0" fontId="18" fillId="0" borderId="5" xfId="0" applyFont="1" applyBorder="1" applyAlignment="1">
      <alignment horizontal="center" vertical="center"/>
    </xf>
    <xf numFmtId="0" fontId="18" fillId="0" borderId="6" xfId="0" applyFont="1" applyBorder="1" applyAlignment="1">
      <alignment horizontal="center" vertical="center"/>
    </xf>
    <xf numFmtId="196" fontId="8" fillId="0" borderId="15" xfId="0" applyNumberFormat="1" applyFont="1" applyBorder="1" applyAlignment="1" applyProtection="1">
      <alignment horizontal="right" vertical="center"/>
      <protection locked="0"/>
    </xf>
    <xf numFmtId="196" fontId="8" fillId="0" borderId="0" xfId="0" applyNumberFormat="1" applyFont="1" applyAlignment="1" applyProtection="1">
      <alignment horizontal="right" vertical="center"/>
      <protection locked="0"/>
    </xf>
    <xf numFmtId="198" fontId="8" fillId="0" borderId="20" xfId="0" applyNumberFormat="1" applyFont="1" applyBorder="1" applyAlignment="1">
      <alignment horizontal="right" vertical="center"/>
    </xf>
    <xf numFmtId="198" fontId="8" fillId="0" borderId="30" xfId="0" applyNumberFormat="1" applyFont="1" applyBorder="1" applyAlignment="1">
      <alignment horizontal="right" vertical="center"/>
    </xf>
    <xf numFmtId="198" fontId="8" fillId="0" borderId="0" xfId="0" applyNumberFormat="1" applyFont="1" applyAlignment="1">
      <alignment horizontal="right" vertical="center"/>
    </xf>
    <xf numFmtId="198" fontId="8" fillId="0" borderId="3" xfId="0" applyNumberFormat="1" applyFont="1" applyBorder="1" applyAlignment="1">
      <alignment horizontal="right" vertical="center"/>
    </xf>
    <xf numFmtId="198" fontId="18" fillId="0" borderId="6" xfId="0" applyNumberFormat="1" applyFont="1" applyBorder="1" applyAlignment="1">
      <alignment horizontal="right" vertical="center"/>
    </xf>
    <xf numFmtId="198" fontId="18" fillId="0" borderId="26" xfId="0" applyNumberFormat="1" applyFont="1" applyBorder="1" applyAlignment="1">
      <alignment horizontal="right" vertical="center"/>
    </xf>
    <xf numFmtId="197" fontId="18" fillId="0" borderId="6" xfId="0" applyNumberFormat="1" applyFont="1" applyBorder="1" applyAlignment="1">
      <alignment horizontal="right" vertical="center"/>
    </xf>
    <xf numFmtId="206" fontId="8" fillId="0" borderId="27" xfId="0" applyNumberFormat="1" applyFont="1" applyBorder="1" applyAlignment="1">
      <alignment horizontal="right" vertical="center" indent="1"/>
    </xf>
    <xf numFmtId="206" fontId="8" fillId="0" borderId="20" xfId="0" applyNumberFormat="1" applyFont="1" applyBorder="1" applyAlignment="1">
      <alignment horizontal="right" vertical="center" indent="1"/>
    </xf>
    <xf numFmtId="206" fontId="8" fillId="0" borderId="28" xfId="0" applyNumberFormat="1" applyFont="1" applyBorder="1" applyAlignment="1">
      <alignment horizontal="right" vertical="center" indent="1"/>
    </xf>
    <xf numFmtId="197" fontId="8" fillId="0" borderId="0" xfId="0" applyNumberFormat="1" applyFont="1" applyAlignment="1">
      <alignment horizontal="right" vertical="center"/>
    </xf>
    <xf numFmtId="0" fontId="8" fillId="0" borderId="18" xfId="0" applyFont="1" applyBorder="1" applyAlignment="1">
      <alignment horizontal="distributed" vertical="center"/>
    </xf>
    <xf numFmtId="0" fontId="8" fillId="0" borderId="19" xfId="0" applyFont="1" applyBorder="1" applyAlignment="1">
      <alignment horizontal="distributed" vertical="center"/>
    </xf>
    <xf numFmtId="49" fontId="18" fillId="0" borderId="6" xfId="0" applyNumberFormat="1" applyFont="1" applyBorder="1" applyAlignment="1" applyProtection="1">
      <alignment horizontal="right" vertical="center"/>
      <protection locked="0"/>
    </xf>
    <xf numFmtId="181" fontId="18" fillId="0" borderId="6" xfId="0" applyNumberFormat="1" applyFont="1" applyBorder="1" applyAlignment="1" applyProtection="1">
      <alignment horizontal="right" vertical="center"/>
      <protection locked="0"/>
    </xf>
    <xf numFmtId="0" fontId="8" fillId="0" borderId="29" xfId="0" applyFont="1" applyBorder="1" applyAlignment="1">
      <alignment horizontal="distributed" vertical="center" shrinkToFit="1"/>
    </xf>
    <xf numFmtId="0" fontId="8" fillId="0" borderId="20" xfId="0" applyFont="1" applyBorder="1" applyAlignment="1">
      <alignment horizontal="distributed" vertical="center" shrinkToFit="1"/>
    </xf>
    <xf numFmtId="0" fontId="8" fillId="0" borderId="28" xfId="0" applyFont="1" applyBorder="1" applyAlignment="1">
      <alignment horizontal="distributed" vertical="center" shrinkToFit="1"/>
    </xf>
    <xf numFmtId="0" fontId="8" fillId="0" borderId="17" xfId="0" applyFont="1" applyBorder="1" applyAlignment="1">
      <alignment horizontal="distributed" vertical="center" shrinkToFit="1"/>
    </xf>
    <xf numFmtId="0" fontId="8" fillId="0" borderId="12" xfId="0" applyFont="1" applyBorder="1" applyAlignment="1">
      <alignment horizontal="distributed" vertical="center" shrinkToFit="1"/>
    </xf>
    <xf numFmtId="0" fontId="8" fillId="0" borderId="13" xfId="0" applyFont="1" applyBorder="1" applyAlignment="1">
      <alignment horizontal="distributed" vertical="center" shrinkToFit="1"/>
    </xf>
    <xf numFmtId="0" fontId="13" fillId="0" borderId="0" xfId="0" applyFont="1" applyAlignment="1">
      <alignment horizontal="center" vertical="center"/>
    </xf>
    <xf numFmtId="176" fontId="18" fillId="0" borderId="6" xfId="0" applyNumberFormat="1" applyFont="1" applyBorder="1" applyAlignment="1" applyProtection="1">
      <alignment horizontal="right" vertical="center" shrinkToFit="1"/>
      <protection locked="0"/>
    </xf>
    <xf numFmtId="176" fontId="18" fillId="0" borderId="26" xfId="0" applyNumberFormat="1" applyFont="1" applyBorder="1" applyAlignment="1" applyProtection="1">
      <alignment horizontal="right" vertical="center" shrinkToFit="1"/>
      <protection locked="0"/>
    </xf>
    <xf numFmtId="178" fontId="18" fillId="0" borderId="6" xfId="0" applyNumberFormat="1" applyFont="1" applyBorder="1" applyAlignment="1" applyProtection="1">
      <alignment horizontal="right" vertical="center"/>
      <protection locked="0"/>
    </xf>
    <xf numFmtId="179" fontId="12" fillId="0" borderId="16" xfId="0" applyNumberFormat="1" applyFont="1" applyBorder="1" applyAlignment="1">
      <alignment horizontal="distributed" vertical="center" wrapText="1" shrinkToFit="1"/>
    </xf>
    <xf numFmtId="179" fontId="12" fillId="0" borderId="2" xfId="0" applyNumberFormat="1" applyFont="1" applyBorder="1" applyAlignment="1">
      <alignment horizontal="distributed" vertical="center" wrapText="1" shrinkToFit="1"/>
    </xf>
    <xf numFmtId="179" fontId="12" fillId="0" borderId="11" xfId="0" applyNumberFormat="1" applyFont="1" applyBorder="1" applyAlignment="1">
      <alignment horizontal="distributed" vertical="center" wrapText="1" shrinkToFit="1"/>
    </xf>
    <xf numFmtId="179" fontId="12" fillId="0" borderId="15" xfId="0" applyNumberFormat="1" applyFont="1" applyBorder="1" applyAlignment="1">
      <alignment horizontal="distributed" vertical="center" wrapText="1" shrinkToFit="1"/>
    </xf>
    <xf numFmtId="179" fontId="12" fillId="0" borderId="0" xfId="0" applyNumberFormat="1" applyFont="1" applyAlignment="1">
      <alignment horizontal="distributed" vertical="center" wrapText="1" shrinkToFit="1"/>
    </xf>
    <xf numFmtId="179" fontId="12" fillId="0" borderId="4" xfId="0" applyNumberFormat="1" applyFont="1" applyBorder="1" applyAlignment="1">
      <alignment horizontal="distributed" vertical="center" wrapText="1" shrinkToFit="1"/>
    </xf>
    <xf numFmtId="179" fontId="12" fillId="0" borderId="17" xfId="0" applyNumberFormat="1" applyFont="1" applyBorder="1" applyAlignment="1">
      <alignment horizontal="distributed" vertical="center" wrapText="1" shrinkToFit="1"/>
    </xf>
    <xf numFmtId="179" fontId="12" fillId="0" borderId="12" xfId="0" applyNumberFormat="1" applyFont="1" applyBorder="1" applyAlignment="1">
      <alignment horizontal="distributed" vertical="center" wrapText="1" shrinkToFit="1"/>
    </xf>
    <xf numFmtId="179" fontId="12" fillId="0" borderId="13" xfId="0" applyNumberFormat="1" applyFont="1" applyBorder="1" applyAlignment="1">
      <alignment horizontal="distributed" vertical="center" wrapText="1" shrinkToFit="1"/>
    </xf>
    <xf numFmtId="0" fontId="8" fillId="0" borderId="36" xfId="0" applyFont="1" applyBorder="1" applyAlignment="1">
      <alignment horizontal="distributed" vertical="center" indent="7"/>
    </xf>
    <xf numFmtId="0" fontId="8" fillId="0" borderId="7" xfId="0" applyFont="1" applyBorder="1" applyAlignment="1">
      <alignment horizontal="distributed" vertical="center" indent="7"/>
    </xf>
    <xf numFmtId="0" fontId="8" fillId="0" borderId="10" xfId="0" applyFont="1" applyBorder="1" applyAlignment="1">
      <alignment horizontal="distributed" vertical="center" indent="7"/>
    </xf>
    <xf numFmtId="176" fontId="21" fillId="0" borderId="6" xfId="0" applyNumberFormat="1" applyFont="1" applyBorder="1" applyAlignment="1">
      <alignment horizontal="right" vertical="center"/>
    </xf>
    <xf numFmtId="0" fontId="12" fillId="0" borderId="48" xfId="0" applyFont="1" applyBorder="1" applyAlignment="1">
      <alignment horizontal="distributed" vertical="center" wrapText="1"/>
    </xf>
    <xf numFmtId="0" fontId="12" fillId="0" borderId="55" xfId="0" applyFont="1" applyBorder="1" applyAlignment="1">
      <alignment horizontal="distributed" vertical="center" wrapText="1"/>
    </xf>
    <xf numFmtId="0" fontId="12" fillId="0" borderId="38" xfId="0" applyFont="1" applyBorder="1" applyAlignment="1">
      <alignment horizontal="distributed" vertical="center" wrapText="1"/>
    </xf>
    <xf numFmtId="0" fontId="12" fillId="0" borderId="41" xfId="0" applyFont="1" applyBorder="1" applyAlignment="1">
      <alignment horizontal="distributed" vertical="center" wrapText="1"/>
    </xf>
    <xf numFmtId="42" fontId="8" fillId="0" borderId="20" xfId="0" applyNumberFormat="1" applyFont="1" applyBorder="1" applyAlignment="1">
      <alignment horizontal="right" vertical="center"/>
    </xf>
    <xf numFmtId="42" fontId="20" fillId="0" borderId="0" xfId="0" applyNumberFormat="1" applyFont="1" applyAlignment="1">
      <alignment horizontal="right" vertical="center"/>
    </xf>
    <xf numFmtId="176" fontId="21" fillId="0" borderId="6" xfId="0" applyNumberFormat="1" applyFont="1" applyBorder="1" applyAlignment="1" applyProtection="1">
      <alignment horizontal="right" vertical="center"/>
      <protection locked="0"/>
    </xf>
    <xf numFmtId="178" fontId="8" fillId="0" borderId="3" xfId="0" applyNumberFormat="1" applyFont="1" applyBorder="1" applyAlignment="1">
      <alignment horizontal="right" vertical="center"/>
    </xf>
    <xf numFmtId="0" fontId="8" fillId="0" borderId="23" xfId="0" applyFont="1" applyBorder="1" applyAlignment="1">
      <alignment horizontal="distributed" vertical="center" indent="2"/>
    </xf>
    <xf numFmtId="0" fontId="8" fillId="0" borderId="24" xfId="0" applyFont="1" applyBorder="1" applyAlignment="1">
      <alignment horizontal="distributed" vertical="center" indent="2"/>
    </xf>
    <xf numFmtId="0" fontId="8" fillId="0" borderId="25" xfId="0" applyFont="1" applyBorder="1" applyAlignment="1">
      <alignment horizontal="distributed" vertical="center" indent="2"/>
    </xf>
    <xf numFmtId="181" fontId="8" fillId="0" borderId="3" xfId="0" applyNumberFormat="1" applyFont="1" applyBorder="1" applyAlignment="1">
      <alignment horizontal="right" vertical="center"/>
    </xf>
    <xf numFmtId="176" fontId="8" fillId="0" borderId="25" xfId="0" applyNumberFormat="1" applyFont="1" applyBorder="1" applyAlignment="1">
      <alignment horizontal="center" vertical="center"/>
    </xf>
    <xf numFmtId="49" fontId="18" fillId="0" borderId="26" xfId="0" applyNumberFormat="1" applyFont="1" applyBorder="1" applyAlignment="1" applyProtection="1">
      <alignment horizontal="right" vertical="center"/>
      <protection locked="0"/>
    </xf>
    <xf numFmtId="176" fontId="21" fillId="0" borderId="26" xfId="0" applyNumberFormat="1" applyFont="1" applyBorder="1" applyAlignment="1" applyProtection="1">
      <alignment horizontal="right" vertical="center"/>
      <protection locked="0"/>
    </xf>
    <xf numFmtId="176" fontId="8" fillId="0" borderId="0" xfId="0" applyNumberFormat="1" applyFont="1" applyAlignment="1" applyProtection="1">
      <alignment horizontal="right" vertical="center" shrinkToFit="1"/>
      <protection locked="0"/>
    </xf>
    <xf numFmtId="176" fontId="8" fillId="0" borderId="3" xfId="0" applyNumberFormat="1" applyFont="1" applyBorder="1" applyAlignment="1" applyProtection="1">
      <alignment horizontal="right" vertical="center" shrinkToFit="1"/>
      <protection locked="0"/>
    </xf>
    <xf numFmtId="186" fontId="21" fillId="0" borderId="6" xfId="0" applyNumberFormat="1" applyFont="1" applyBorder="1" applyAlignment="1">
      <alignment horizontal="right" vertical="center"/>
    </xf>
    <xf numFmtId="187" fontId="8" fillId="0" borderId="20" xfId="0" applyNumberFormat="1" applyFont="1" applyBorder="1" applyAlignment="1">
      <alignment horizontal="right" vertical="center"/>
    </xf>
    <xf numFmtId="187" fontId="8" fillId="0" borderId="30" xfId="0" applyNumberFormat="1" applyFont="1" applyBorder="1" applyAlignment="1">
      <alignment horizontal="right" vertical="center"/>
    </xf>
    <xf numFmtId="41" fontId="21" fillId="0" borderId="6" xfId="0" applyNumberFormat="1" applyFont="1" applyBorder="1" applyAlignment="1">
      <alignment horizontal="right" vertical="center"/>
    </xf>
    <xf numFmtId="41" fontId="21" fillId="0" borderId="26" xfId="0" applyNumberFormat="1" applyFont="1" applyBorder="1" applyAlignment="1">
      <alignment horizontal="right" vertical="center"/>
    </xf>
    <xf numFmtId="176" fontId="21" fillId="0" borderId="37" xfId="0" applyNumberFormat="1" applyFont="1" applyBorder="1" applyAlignment="1">
      <alignment horizontal="right" vertical="center"/>
    </xf>
    <xf numFmtId="176" fontId="20" fillId="0" borderId="15" xfId="0" applyNumberFormat="1" applyFont="1" applyBorder="1" applyAlignment="1">
      <alignment horizontal="right" vertical="center"/>
    </xf>
    <xf numFmtId="178" fontId="8" fillId="0" borderId="29" xfId="0" applyNumberFormat="1" applyFont="1" applyBorder="1" applyAlignment="1">
      <alignment horizontal="right" vertical="center"/>
    </xf>
    <xf numFmtId="178" fontId="8" fillId="0" borderId="20" xfId="0" applyNumberFormat="1" applyFont="1" applyBorder="1" applyAlignment="1">
      <alignment horizontal="right" vertical="center"/>
    </xf>
    <xf numFmtId="0" fontId="8" fillId="0" borderId="48" xfId="0" applyFont="1" applyBorder="1" applyAlignment="1">
      <alignment horizontal="distributed" vertical="center"/>
    </xf>
    <xf numFmtId="0" fontId="8" fillId="0" borderId="38" xfId="0" applyFont="1" applyBorder="1" applyAlignment="1">
      <alignment horizontal="distributed" vertical="center"/>
    </xf>
    <xf numFmtId="176" fontId="18" fillId="0" borderId="26" xfId="0" applyNumberFormat="1" applyFont="1" applyBorder="1" applyAlignment="1">
      <alignment horizontal="center" vertical="center"/>
    </xf>
    <xf numFmtId="201" fontId="8" fillId="0" borderId="0" xfId="0" applyNumberFormat="1" applyFont="1" applyAlignment="1" applyProtection="1">
      <alignment horizontal="right" vertical="center"/>
      <protection locked="0"/>
    </xf>
    <xf numFmtId="201" fontId="8" fillId="0" borderId="3" xfId="0" applyNumberFormat="1" applyFont="1" applyBorder="1" applyAlignment="1" applyProtection="1">
      <alignment horizontal="right" vertical="center"/>
      <protection locked="0"/>
    </xf>
    <xf numFmtId="0" fontId="8" fillId="0" borderId="54" xfId="0" applyFont="1" applyBorder="1" applyAlignment="1">
      <alignment horizontal="distributed" vertical="center" indent="1"/>
    </xf>
    <xf numFmtId="184" fontId="8" fillId="0" borderId="1" xfId="0" applyNumberFormat="1" applyFont="1" applyBorder="1" applyAlignment="1">
      <alignment horizontal="right" vertical="center" shrinkToFit="1"/>
    </xf>
    <xf numFmtId="184" fontId="8" fillId="0" borderId="0" xfId="0" applyNumberFormat="1" applyFont="1" applyAlignment="1">
      <alignment horizontal="right" vertical="center" shrinkToFit="1"/>
    </xf>
    <xf numFmtId="184" fontId="8" fillId="0" borderId="4" xfId="0" applyNumberFormat="1" applyFont="1" applyBorder="1" applyAlignment="1">
      <alignment horizontal="right" vertical="center" shrinkToFit="1"/>
    </xf>
    <xf numFmtId="184" fontId="18" fillId="0" borderId="5" xfId="0" applyNumberFormat="1" applyFont="1" applyBorder="1" applyAlignment="1">
      <alignment horizontal="right" vertical="center" shrinkToFit="1"/>
    </xf>
    <xf numFmtId="184" fontId="18" fillId="0" borderId="6" xfId="0" applyNumberFormat="1" applyFont="1" applyBorder="1" applyAlignment="1">
      <alignment horizontal="right" vertical="center" shrinkToFit="1"/>
    </xf>
    <xf numFmtId="184" fontId="18" fillId="0" borderId="8" xfId="0" applyNumberFormat="1" applyFont="1" applyBorder="1" applyAlignment="1">
      <alignment horizontal="right" vertical="center" shrinkToFit="1"/>
    </xf>
    <xf numFmtId="178" fontId="18" fillId="0" borderId="37" xfId="0" applyNumberFormat="1" applyFont="1" applyBorder="1" applyAlignment="1" applyProtection="1">
      <alignment vertical="center"/>
      <protection locked="0"/>
    </xf>
    <xf numFmtId="0" fontId="8" fillId="0" borderId="16" xfId="0" applyFont="1" applyBorder="1" applyAlignment="1">
      <alignment horizontal="distributed" vertical="center" shrinkToFit="1"/>
    </xf>
    <xf numFmtId="0" fontId="8" fillId="0" borderId="2" xfId="0" applyFont="1" applyBorder="1" applyAlignment="1">
      <alignment horizontal="distributed" vertical="center" shrinkToFit="1"/>
    </xf>
    <xf numFmtId="0" fontId="8" fillId="0" borderId="11" xfId="0" applyFont="1" applyBorder="1" applyAlignment="1">
      <alignment horizontal="distributed" vertical="center" shrinkToFit="1"/>
    </xf>
    <xf numFmtId="0" fontId="8" fillId="0" borderId="18" xfId="0" applyFont="1" applyBorder="1" applyAlignment="1">
      <alignment horizontal="distributed" vertical="center" indent="2"/>
    </xf>
    <xf numFmtId="0" fontId="8" fillId="0" borderId="19" xfId="0" applyFont="1" applyBorder="1" applyAlignment="1">
      <alignment horizontal="distributed" vertical="center" indent="2"/>
    </xf>
    <xf numFmtId="178" fontId="8" fillId="0" borderId="30" xfId="0" applyNumberFormat="1" applyFont="1" applyBorder="1" applyAlignment="1">
      <alignment horizontal="right" vertical="center"/>
    </xf>
    <xf numFmtId="179" fontId="8" fillId="0" borderId="3" xfId="0" applyNumberFormat="1" applyFont="1" applyBorder="1" applyAlignment="1">
      <alignment horizontal="right" vertical="center"/>
    </xf>
    <xf numFmtId="0" fontId="8" fillId="0" borderId="30" xfId="0" applyFont="1" applyBorder="1" applyAlignment="1">
      <alignment horizontal="distributed" vertical="center" wrapText="1"/>
    </xf>
    <xf numFmtId="0" fontId="8" fillId="0" borderId="19" xfId="0" applyFont="1" applyBorder="1" applyAlignment="1">
      <alignment horizontal="distributed" vertical="center" wrapText="1"/>
    </xf>
    <xf numFmtId="178" fontId="18" fillId="0" borderId="26" xfId="0" applyNumberFormat="1" applyFont="1" applyBorder="1" applyAlignment="1" applyProtection="1">
      <alignment horizontal="right" vertical="center"/>
      <protection locked="0"/>
    </xf>
    <xf numFmtId="0" fontId="12" fillId="0" borderId="31" xfId="0" applyFont="1" applyBorder="1" applyAlignment="1">
      <alignment horizontal="distributed" vertical="center" wrapText="1"/>
    </xf>
    <xf numFmtId="0" fontId="12" fillId="0" borderId="21" xfId="0" applyFont="1" applyBorder="1" applyAlignment="1">
      <alignment horizontal="distributed" vertical="center" wrapText="1"/>
    </xf>
    <xf numFmtId="176" fontId="8" fillId="0" borderId="15" xfId="0" applyNumberFormat="1" applyFont="1" applyBorder="1" applyAlignment="1">
      <alignment horizontal="right" vertical="center"/>
    </xf>
    <xf numFmtId="0" fontId="17" fillId="0" borderId="7" xfId="0" applyFont="1" applyBorder="1" applyAlignment="1">
      <alignment horizontal="distributed" vertical="center" indent="5"/>
    </xf>
    <xf numFmtId="0" fontId="17" fillId="0" borderId="10" xfId="0" applyFont="1" applyBorder="1" applyAlignment="1">
      <alignment horizontal="distributed" vertical="center" indent="5"/>
    </xf>
    <xf numFmtId="194" fontId="8" fillId="0" borderId="27" xfId="0" applyNumberFormat="1" applyFont="1" applyBorder="1" applyAlignment="1">
      <alignment horizontal="right" vertical="center" indent="3"/>
    </xf>
    <xf numFmtId="194" fontId="8" fillId="0" borderId="20" xfId="0" applyNumberFormat="1" applyFont="1" applyBorder="1" applyAlignment="1">
      <alignment horizontal="right" vertical="center" indent="3"/>
    </xf>
    <xf numFmtId="194" fontId="8" fillId="0" borderId="28" xfId="0" applyNumberFormat="1" applyFont="1" applyBorder="1" applyAlignment="1">
      <alignment horizontal="right" vertical="center" indent="3"/>
    </xf>
    <xf numFmtId="0" fontId="11" fillId="0" borderId="29" xfId="0" applyFont="1" applyBorder="1" applyAlignment="1">
      <alignment horizontal="distributed" vertical="center" wrapText="1" shrinkToFit="1"/>
    </xf>
    <xf numFmtId="0" fontId="11" fillId="0" borderId="20" xfId="0" applyFont="1" applyBorder="1" applyAlignment="1">
      <alignment horizontal="distributed" vertical="center" wrapText="1" shrinkToFit="1"/>
    </xf>
    <xf numFmtId="0" fontId="11" fillId="0" borderId="28" xfId="0" applyFont="1" applyBorder="1" applyAlignment="1">
      <alignment horizontal="distributed" vertical="center" wrapText="1" shrinkToFit="1"/>
    </xf>
    <xf numFmtId="0" fontId="11" fillId="0" borderId="17" xfId="0" applyFont="1" applyBorder="1" applyAlignment="1">
      <alignment horizontal="distributed" vertical="center" wrapText="1" shrinkToFit="1"/>
    </xf>
    <xf numFmtId="0" fontId="11" fillId="0" borderId="12" xfId="0" applyFont="1" applyBorder="1" applyAlignment="1">
      <alignment horizontal="distributed" vertical="center" wrapText="1" shrinkToFit="1"/>
    </xf>
    <xf numFmtId="0" fontId="11" fillId="0" borderId="13" xfId="0" applyFont="1" applyBorder="1" applyAlignment="1">
      <alignment horizontal="distributed" vertical="center" wrapText="1" shrinkToFit="1"/>
    </xf>
    <xf numFmtId="42" fontId="20" fillId="0" borderId="20" xfId="0" applyNumberFormat="1" applyFont="1" applyBorder="1" applyAlignment="1">
      <alignment horizontal="right" vertical="center"/>
    </xf>
    <xf numFmtId="184" fontId="8" fillId="0" borderId="1" xfId="0" applyNumberFormat="1" applyFont="1" applyBorder="1" applyAlignment="1">
      <alignment horizontal="right" vertical="center" indent="3"/>
    </xf>
    <xf numFmtId="184" fontId="8" fillId="0" borderId="0" xfId="0" applyNumberFormat="1" applyFont="1" applyAlignment="1">
      <alignment horizontal="right" vertical="center" indent="3"/>
    </xf>
    <xf numFmtId="184" fontId="8" fillId="0" borderId="4" xfId="0" applyNumberFormat="1" applyFont="1" applyBorder="1" applyAlignment="1">
      <alignment horizontal="right" vertical="center" indent="3"/>
    </xf>
    <xf numFmtId="205" fontId="18" fillId="0" borderId="6" xfId="0" applyNumberFormat="1" applyFont="1" applyBorder="1" applyAlignment="1">
      <alignment horizontal="right" vertical="center"/>
    </xf>
    <xf numFmtId="189" fontId="8" fillId="0" borderId="15" xfId="0" applyNumberFormat="1" applyFont="1" applyBorder="1" applyAlignment="1">
      <alignment horizontal="right" vertical="center"/>
    </xf>
    <xf numFmtId="189" fontId="8" fillId="0" borderId="0" xfId="0" applyNumberFormat="1" applyFont="1" applyAlignment="1">
      <alignment horizontal="right" vertical="center"/>
    </xf>
    <xf numFmtId="177" fontId="8" fillId="0" borderId="0" xfId="0" applyNumberFormat="1" applyFont="1" applyAlignment="1">
      <alignment horizontal="right" vertical="center"/>
    </xf>
    <xf numFmtId="42" fontId="8" fillId="0" borderId="15" xfId="0" applyNumberFormat="1" applyFont="1" applyBorder="1" applyAlignment="1">
      <alignment horizontal="right" vertical="center"/>
    </xf>
    <xf numFmtId="189" fontId="18" fillId="0" borderId="20" xfId="0" applyNumberFormat="1" applyFont="1" applyBorder="1" applyAlignment="1">
      <alignment horizontal="right" vertical="center"/>
    </xf>
    <xf numFmtId="42" fontId="8" fillId="0" borderId="0" xfId="0" applyNumberFormat="1" applyFont="1" applyAlignment="1">
      <alignment horizontal="right" vertical="center" shrinkToFit="1"/>
    </xf>
    <xf numFmtId="207" fontId="18" fillId="0" borderId="0" xfId="0" applyNumberFormat="1" applyFont="1" applyAlignment="1">
      <alignment horizontal="right" vertical="center"/>
    </xf>
    <xf numFmtId="42" fontId="18" fillId="0" borderId="0" xfId="0" applyNumberFormat="1" applyFont="1" applyAlignment="1">
      <alignment horizontal="right" vertical="center"/>
    </xf>
    <xf numFmtId="42" fontId="18" fillId="0" borderId="3" xfId="0" applyNumberFormat="1" applyFont="1" applyBorder="1" applyAlignment="1">
      <alignment horizontal="right" vertical="center"/>
    </xf>
    <xf numFmtId="177" fontId="8" fillId="0" borderId="29" xfId="0" applyNumberFormat="1" applyFont="1" applyBorder="1" applyAlignment="1">
      <alignment horizontal="distributed" vertical="center"/>
    </xf>
    <xf numFmtId="177" fontId="8" fillId="0" borderId="20" xfId="0" applyNumberFormat="1" applyFont="1" applyBorder="1" applyAlignment="1">
      <alignment horizontal="distributed" vertical="center"/>
    </xf>
    <xf numFmtId="177" fontId="8" fillId="0" borderId="28" xfId="0" applyNumberFormat="1" applyFont="1" applyBorder="1" applyAlignment="1">
      <alignment horizontal="distributed" vertical="center"/>
    </xf>
    <xf numFmtId="177" fontId="8" fillId="0" borderId="17" xfId="0" applyNumberFormat="1" applyFont="1" applyBorder="1" applyAlignment="1">
      <alignment horizontal="distributed" vertical="center"/>
    </xf>
    <xf numFmtId="177" fontId="8" fillId="0" borderId="12" xfId="0" applyNumberFormat="1" applyFont="1" applyBorder="1" applyAlignment="1">
      <alignment horizontal="distributed" vertical="center"/>
    </xf>
    <xf numFmtId="177" fontId="8" fillId="0" borderId="13" xfId="0" applyNumberFormat="1" applyFont="1" applyBorder="1" applyAlignment="1">
      <alignment horizontal="distributed" vertical="center"/>
    </xf>
    <xf numFmtId="177" fontId="8" fillId="0" borderId="1" xfId="0" applyNumberFormat="1" applyFont="1" applyBorder="1" applyAlignment="1">
      <alignment horizontal="center" vertical="center"/>
    </xf>
    <xf numFmtId="179" fontId="8" fillId="0" borderId="20" xfId="33" applyNumberFormat="1" applyFont="1" applyFill="1" applyBorder="1" applyAlignment="1">
      <alignment horizontal="right" vertical="center"/>
    </xf>
    <xf numFmtId="179" fontId="8" fillId="0" borderId="29" xfId="33" applyNumberFormat="1" applyFont="1" applyFill="1" applyBorder="1" applyAlignment="1">
      <alignment horizontal="right" vertical="center"/>
    </xf>
    <xf numFmtId="42" fontId="8" fillId="0" borderId="6" xfId="0" applyNumberFormat="1" applyFont="1" applyBorder="1" applyAlignment="1">
      <alignment horizontal="right" vertical="center" shrinkToFit="1"/>
    </xf>
    <xf numFmtId="177" fontId="18" fillId="0" borderId="10" xfId="0" applyNumberFormat="1" applyFont="1" applyBorder="1" applyAlignment="1">
      <alignment horizontal="center" vertical="center"/>
    </xf>
    <xf numFmtId="177" fontId="18" fillId="0" borderId="38" xfId="0" applyNumberFormat="1" applyFont="1" applyBorder="1" applyAlignment="1">
      <alignment horizontal="center" vertical="center"/>
    </xf>
    <xf numFmtId="177" fontId="18" fillId="0" borderId="41" xfId="0" applyNumberFormat="1" applyFont="1" applyBorder="1" applyAlignment="1">
      <alignment horizontal="center" vertical="center"/>
    </xf>
    <xf numFmtId="177" fontId="18" fillId="0" borderId="39" xfId="0" applyNumberFormat="1" applyFont="1" applyBorder="1" applyAlignment="1">
      <alignment horizontal="distributed" vertical="center"/>
    </xf>
    <xf numFmtId="177" fontId="18" fillId="0" borderId="29" xfId="0" applyNumberFormat="1" applyFont="1" applyBorder="1" applyAlignment="1">
      <alignment horizontal="distributed" vertical="center" wrapText="1"/>
    </xf>
    <xf numFmtId="177" fontId="18" fillId="0" borderId="20" xfId="0" applyNumberFormat="1" applyFont="1" applyBorder="1" applyAlignment="1">
      <alignment horizontal="distributed" vertical="center" wrapText="1"/>
    </xf>
    <xf numFmtId="177" fontId="18" fillId="0" borderId="30" xfId="0" applyNumberFormat="1" applyFont="1" applyBorder="1" applyAlignment="1">
      <alignment horizontal="distributed" vertical="center" wrapText="1"/>
    </xf>
    <xf numFmtId="177" fontId="18" fillId="0" borderId="17" xfId="0" applyNumberFormat="1" applyFont="1" applyBorder="1" applyAlignment="1">
      <alignment horizontal="distributed" vertical="center" wrapText="1"/>
    </xf>
    <xf numFmtId="177" fontId="18" fillId="0" borderId="12" xfId="0" applyNumberFormat="1" applyFont="1" applyBorder="1" applyAlignment="1">
      <alignment horizontal="distributed" vertical="center" wrapText="1"/>
    </xf>
    <xf numFmtId="177" fontId="18" fillId="0" borderId="19" xfId="0" applyNumberFormat="1" applyFont="1" applyBorder="1" applyAlignment="1">
      <alignment horizontal="distributed" vertical="center" wrapText="1"/>
    </xf>
    <xf numFmtId="177" fontId="18" fillId="0" borderId="25" xfId="0" applyNumberFormat="1" applyFont="1" applyBorder="1" applyAlignment="1">
      <alignment horizontal="distributed" vertical="center"/>
    </xf>
    <xf numFmtId="177" fontId="8" fillId="0" borderId="29" xfId="0" applyNumberFormat="1" applyFont="1" applyBorder="1" applyAlignment="1">
      <alignment horizontal="distributed" vertical="center" wrapText="1"/>
    </xf>
    <xf numFmtId="177" fontId="8" fillId="0" borderId="20" xfId="0" applyNumberFormat="1" applyFont="1" applyBorder="1" applyAlignment="1">
      <alignment horizontal="distributed" vertical="center" wrapText="1"/>
    </xf>
    <xf numFmtId="177" fontId="8" fillId="0" borderId="28" xfId="0" applyNumberFormat="1" applyFont="1" applyBorder="1" applyAlignment="1">
      <alignment horizontal="distributed" vertical="center" wrapText="1"/>
    </xf>
    <xf numFmtId="177" fontId="8" fillId="0" borderId="17" xfId="0" applyNumberFormat="1" applyFont="1" applyBorder="1" applyAlignment="1">
      <alignment horizontal="distributed" vertical="center" wrapText="1"/>
    </xf>
    <xf numFmtId="177" fontId="8" fillId="0" borderId="12" xfId="0" applyNumberFormat="1" applyFont="1" applyBorder="1" applyAlignment="1">
      <alignment horizontal="distributed" vertical="center" wrapText="1"/>
    </xf>
    <xf numFmtId="177" fontId="8" fillId="0" borderId="13" xfId="0" applyNumberFormat="1" applyFont="1" applyBorder="1" applyAlignment="1">
      <alignment horizontal="distributed" vertical="center" wrapText="1"/>
    </xf>
    <xf numFmtId="180" fontId="18" fillId="0" borderId="20" xfId="0" applyNumberFormat="1" applyFont="1" applyBorder="1" applyAlignment="1">
      <alignment horizontal="right" vertical="center"/>
    </xf>
    <xf numFmtId="180" fontId="18" fillId="0" borderId="30" xfId="0" applyNumberFormat="1" applyFont="1" applyBorder="1" applyAlignment="1">
      <alignment horizontal="right" vertical="center"/>
    </xf>
    <xf numFmtId="180" fontId="8" fillId="0" borderId="20" xfId="0" applyNumberFormat="1" applyFont="1" applyBorder="1" applyAlignment="1">
      <alignment horizontal="right" vertical="center"/>
    </xf>
    <xf numFmtId="200" fontId="18" fillId="0" borderId="0" xfId="0" applyNumberFormat="1" applyFont="1" applyAlignment="1">
      <alignment horizontal="right" vertical="center"/>
    </xf>
    <xf numFmtId="204" fontId="18" fillId="0" borderId="31" xfId="0" applyNumberFormat="1" applyFont="1" applyBorder="1" applyAlignment="1">
      <alignment horizontal="center" vertical="center"/>
    </xf>
    <xf numFmtId="204" fontId="18" fillId="0" borderId="32" xfId="0" applyNumberFormat="1" applyFont="1" applyBorder="1" applyAlignment="1">
      <alignment horizontal="center" vertical="center"/>
    </xf>
    <xf numFmtId="204" fontId="18" fillId="0" borderId="21" xfId="0" applyNumberFormat="1" applyFont="1" applyBorder="1" applyAlignment="1">
      <alignment horizontal="center" vertical="center"/>
    </xf>
    <xf numFmtId="204" fontId="18" fillId="0" borderId="35" xfId="0" applyNumberFormat="1" applyFont="1" applyBorder="1" applyAlignment="1">
      <alignment horizontal="center" vertical="center"/>
    </xf>
    <xf numFmtId="189" fontId="18" fillId="0" borderId="30" xfId="0" applyNumberFormat="1" applyFont="1" applyBorder="1" applyAlignment="1">
      <alignment horizontal="right" vertical="center"/>
    </xf>
    <xf numFmtId="189" fontId="8" fillId="0" borderId="3" xfId="0" applyNumberFormat="1" applyFont="1" applyBorder="1" applyAlignment="1">
      <alignment horizontal="right" vertical="center"/>
    </xf>
    <xf numFmtId="177" fontId="8" fillId="0" borderId="31" xfId="0" applyNumberFormat="1" applyFont="1" applyBorder="1" applyAlignment="1">
      <alignment horizontal="center" vertical="center"/>
    </xf>
    <xf numFmtId="177" fontId="8" fillId="0" borderId="6" xfId="0" applyNumberFormat="1" applyFont="1" applyBorder="1" applyAlignment="1">
      <alignment horizontal="distributed" vertical="center" wrapText="1" indent="1"/>
    </xf>
    <xf numFmtId="177" fontId="8" fillId="0" borderId="8" xfId="0" applyNumberFormat="1" applyFont="1" applyBorder="1" applyAlignment="1">
      <alignment horizontal="distributed" vertical="center" wrapText="1" indent="1"/>
    </xf>
    <xf numFmtId="177" fontId="11" fillId="0" borderId="31" xfId="0" applyNumberFormat="1" applyFont="1" applyBorder="1" applyAlignment="1">
      <alignment horizontal="center" vertical="center"/>
    </xf>
    <xf numFmtId="177" fontId="11" fillId="0" borderId="32" xfId="0" applyNumberFormat="1" applyFont="1" applyBorder="1" applyAlignment="1">
      <alignment horizontal="center" vertical="center"/>
    </xf>
    <xf numFmtId="177" fontId="11" fillId="0" borderId="21" xfId="0" applyNumberFormat="1" applyFont="1" applyBorder="1" applyAlignment="1">
      <alignment horizontal="center" vertical="center"/>
    </xf>
    <xf numFmtId="177" fontId="11" fillId="0" borderId="35" xfId="0" applyNumberFormat="1" applyFont="1" applyBorder="1" applyAlignment="1">
      <alignment horizontal="center" vertical="center"/>
    </xf>
    <xf numFmtId="178" fontId="8" fillId="0" borderId="6" xfId="0" applyNumberFormat="1" applyFont="1" applyBorder="1" applyAlignment="1">
      <alignment horizontal="right" vertical="center"/>
    </xf>
    <xf numFmtId="185" fontId="8" fillId="0" borderId="6" xfId="0" applyNumberFormat="1" applyFont="1" applyBorder="1" applyAlignment="1">
      <alignment horizontal="right" vertical="center"/>
    </xf>
    <xf numFmtId="191" fontId="8" fillId="0" borderId="15" xfId="0" applyNumberFormat="1" applyFont="1" applyBorder="1" applyAlignment="1" applyProtection="1">
      <alignment horizontal="right" vertical="center"/>
      <protection locked="0"/>
    </xf>
    <xf numFmtId="0" fontId="8" fillId="0" borderId="16" xfId="0" applyFont="1" applyBorder="1" applyAlignment="1">
      <alignment horizontal="distributed" vertical="center" indent="4"/>
    </xf>
    <xf numFmtId="0" fontId="8" fillId="0" borderId="2" xfId="0" applyFont="1" applyBorder="1" applyAlignment="1">
      <alignment horizontal="distributed" vertical="center" indent="4"/>
    </xf>
    <xf numFmtId="0" fontId="8" fillId="0" borderId="18" xfId="0" applyFont="1" applyBorder="1" applyAlignment="1">
      <alignment horizontal="distributed" vertical="center" indent="4"/>
    </xf>
    <xf numFmtId="0" fontId="8" fillId="0" borderId="17" xfId="0" applyFont="1" applyBorder="1" applyAlignment="1">
      <alignment horizontal="distributed" vertical="center" indent="4"/>
    </xf>
    <xf numFmtId="0" fontId="8" fillId="0" borderId="12" xfId="0" applyFont="1" applyBorder="1" applyAlignment="1">
      <alignment horizontal="distributed" vertical="center" indent="4"/>
    </xf>
    <xf numFmtId="0" fontId="8" fillId="0" borderId="19" xfId="0" applyFont="1" applyBorder="1" applyAlignment="1">
      <alignment horizontal="distributed" vertical="center" indent="4"/>
    </xf>
    <xf numFmtId="208" fontId="18" fillId="0" borderId="5" xfId="0" applyNumberFormat="1" applyFont="1" applyBorder="1" applyAlignment="1">
      <alignment vertical="center"/>
    </xf>
    <xf numFmtId="208" fontId="18" fillId="0" borderId="6" xfId="0" applyNumberFormat="1" applyFont="1" applyBorder="1" applyAlignment="1">
      <alignment vertical="center"/>
    </xf>
    <xf numFmtId="208" fontId="18" fillId="0" borderId="8" xfId="0" applyNumberFormat="1" applyFont="1" applyBorder="1" applyAlignment="1">
      <alignment vertical="center"/>
    </xf>
    <xf numFmtId="191" fontId="8" fillId="0" borderId="29" xfId="0" applyNumberFormat="1" applyFont="1" applyBorder="1" applyAlignment="1" applyProtection="1">
      <alignment horizontal="right" vertical="center" shrinkToFit="1"/>
      <protection locked="0"/>
    </xf>
    <xf numFmtId="191" fontId="8" fillId="0" borderId="20" xfId="0" applyNumberFormat="1" applyFont="1" applyBorder="1" applyAlignment="1" applyProtection="1">
      <alignment horizontal="right" vertical="center" shrinkToFit="1"/>
      <protection locked="0"/>
    </xf>
    <xf numFmtId="0" fontId="8" fillId="0" borderId="31" xfId="0" applyFont="1" applyBorder="1" applyAlignment="1">
      <alignment horizontal="center" vertical="center"/>
    </xf>
    <xf numFmtId="191" fontId="18" fillId="0" borderId="26" xfId="0" applyNumberFormat="1" applyFont="1" applyBorder="1" applyAlignment="1">
      <alignment horizontal="right" vertical="center"/>
    </xf>
    <xf numFmtId="49" fontId="18" fillId="0" borderId="6" xfId="0" applyNumberFormat="1" applyFont="1" applyBorder="1" applyAlignment="1">
      <alignment horizontal="right" vertical="center"/>
    </xf>
    <xf numFmtId="49" fontId="18" fillId="0" borderId="26" xfId="0" applyNumberFormat="1" applyFont="1" applyBorder="1" applyAlignment="1">
      <alignment horizontal="right" vertical="center"/>
    </xf>
    <xf numFmtId="0" fontId="8" fillId="0" borderId="38" xfId="0" applyFont="1" applyBorder="1" applyAlignment="1">
      <alignment horizontal="distributed" vertical="center" wrapText="1"/>
    </xf>
    <xf numFmtId="0" fontId="8" fillId="0" borderId="39" xfId="0" applyFont="1" applyBorder="1" applyAlignment="1">
      <alignment horizontal="distributed" vertical="center" wrapText="1"/>
    </xf>
    <xf numFmtId="179" fontId="8" fillId="0" borderId="29" xfId="0" applyNumberFormat="1" applyFont="1" applyBorder="1" applyAlignment="1">
      <alignment horizontal="right" vertical="center"/>
    </xf>
    <xf numFmtId="179" fontId="8" fillId="0" borderId="20" xfId="0" applyNumberFormat="1" applyFont="1" applyBorder="1" applyAlignment="1">
      <alignment horizontal="right" vertical="center"/>
    </xf>
    <xf numFmtId="0" fontId="8" fillId="0" borderId="39" xfId="0" applyFont="1" applyBorder="1" applyAlignment="1">
      <alignment horizontal="center" vertical="center" wrapText="1"/>
    </xf>
    <xf numFmtId="0" fontId="8" fillId="0" borderId="40" xfId="0" applyFont="1" applyBorder="1" applyAlignment="1">
      <alignment horizontal="center" vertical="center"/>
    </xf>
    <xf numFmtId="0" fontId="8" fillId="0" borderId="40" xfId="0" applyFont="1" applyBorder="1" applyAlignment="1">
      <alignment horizontal="distributed" vertical="center"/>
    </xf>
    <xf numFmtId="0" fontId="8" fillId="0" borderId="22" xfId="0" applyFont="1" applyBorder="1" applyAlignment="1">
      <alignment horizontal="center" vertical="center"/>
    </xf>
    <xf numFmtId="0" fontId="8" fillId="0" borderId="16" xfId="0" applyFont="1" applyBorder="1" applyAlignment="1">
      <alignment horizontal="left" vertical="center"/>
    </xf>
    <xf numFmtId="0" fontId="8" fillId="0" borderId="2" xfId="0" applyFont="1" applyBorder="1" applyAlignment="1">
      <alignment horizontal="left" vertical="center"/>
    </xf>
    <xf numFmtId="0" fontId="8" fillId="0" borderId="38" xfId="0" applyFont="1" applyBorder="1" applyAlignment="1">
      <alignment horizontal="right" vertical="center"/>
    </xf>
    <xf numFmtId="0" fontId="8" fillId="0" borderId="36" xfId="0" applyFont="1" applyBorder="1" applyAlignment="1">
      <alignment horizontal="right" vertical="center"/>
    </xf>
    <xf numFmtId="190" fontId="18" fillId="0" borderId="65" xfId="0" applyNumberFormat="1" applyFont="1" applyBorder="1" applyAlignment="1">
      <alignment horizontal="right" vertical="center"/>
    </xf>
    <xf numFmtId="179" fontId="12" fillId="0" borderId="18" xfId="0" applyNumberFormat="1" applyFont="1" applyBorder="1" applyAlignment="1">
      <alignment horizontal="distributed" vertical="center" wrapText="1" shrinkToFit="1"/>
    </xf>
    <xf numFmtId="179" fontId="12" fillId="0" borderId="3" xfId="0" applyNumberFormat="1" applyFont="1" applyBorder="1" applyAlignment="1">
      <alignment horizontal="distributed" vertical="center" wrapText="1" shrinkToFit="1"/>
    </xf>
    <xf numFmtId="179" fontId="12" fillId="0" borderId="19" xfId="0" applyNumberFormat="1" applyFont="1" applyBorder="1" applyAlignment="1">
      <alignment horizontal="distributed" vertical="center" wrapText="1" shrinkToFit="1"/>
    </xf>
    <xf numFmtId="0" fontId="8" fillId="0" borderId="7" xfId="0" applyFont="1" applyBorder="1" applyAlignment="1">
      <alignment horizontal="center" vertical="center"/>
    </xf>
    <xf numFmtId="176" fontId="8" fillId="0" borderId="21" xfId="0" applyNumberFormat="1" applyFont="1" applyBorder="1" applyAlignment="1">
      <alignment horizontal="center" vertical="center"/>
    </xf>
    <xf numFmtId="190" fontId="18" fillId="0" borderId="26" xfId="0" applyNumberFormat="1" applyFont="1" applyBorder="1" applyAlignment="1">
      <alignment horizontal="right" vertical="center"/>
    </xf>
    <xf numFmtId="0" fontId="8" fillId="0" borderId="40" xfId="0" applyFont="1" applyBorder="1" applyAlignment="1">
      <alignment horizontal="center" vertical="center" shrinkToFit="1"/>
    </xf>
    <xf numFmtId="179" fontId="12" fillId="0" borderId="48" xfId="0" applyNumberFormat="1" applyFont="1" applyBorder="1" applyAlignment="1">
      <alignment horizontal="distributed" vertical="center" wrapText="1" shrinkToFit="1"/>
    </xf>
    <xf numFmtId="179" fontId="12" fillId="0" borderId="38" xfId="0" applyNumberFormat="1" applyFont="1" applyBorder="1" applyAlignment="1">
      <alignment horizontal="distributed" vertical="center" wrapText="1" shrinkToFit="1"/>
    </xf>
    <xf numFmtId="179" fontId="19" fillId="0" borderId="16" xfId="0" applyNumberFormat="1" applyFont="1" applyBorder="1" applyAlignment="1">
      <alignment horizontal="distributed" vertical="center" wrapText="1" shrinkToFit="1"/>
    </xf>
    <xf numFmtId="179" fontId="19" fillId="0" borderId="2" xfId="0" applyNumberFormat="1" applyFont="1" applyBorder="1" applyAlignment="1">
      <alignment horizontal="distributed" vertical="center" wrapText="1" shrinkToFit="1"/>
    </xf>
    <xf numFmtId="179" fontId="19" fillId="0" borderId="11" xfId="0" applyNumberFormat="1" applyFont="1" applyBorder="1" applyAlignment="1">
      <alignment horizontal="distributed" vertical="center" wrapText="1" shrinkToFit="1"/>
    </xf>
    <xf numFmtId="179" fontId="19" fillId="0" borderId="15" xfId="0" applyNumberFormat="1" applyFont="1" applyBorder="1" applyAlignment="1">
      <alignment horizontal="distributed" vertical="center" wrapText="1" shrinkToFit="1"/>
    </xf>
    <xf numFmtId="179" fontId="19" fillId="0" borderId="0" xfId="0" applyNumberFormat="1" applyFont="1" applyAlignment="1">
      <alignment horizontal="distributed" vertical="center" wrapText="1" shrinkToFit="1"/>
    </xf>
    <xf numFmtId="179" fontId="19" fillId="0" borderId="4" xfId="0" applyNumberFormat="1" applyFont="1" applyBorder="1" applyAlignment="1">
      <alignment horizontal="distributed" vertical="center" wrapText="1" shrinkToFit="1"/>
    </xf>
    <xf numFmtId="179" fontId="19" fillId="0" borderId="17" xfId="0" applyNumberFormat="1" applyFont="1" applyBorder="1" applyAlignment="1">
      <alignment horizontal="distributed" vertical="center" wrapText="1" shrinkToFit="1"/>
    </xf>
    <xf numFmtId="179" fontId="19" fillId="0" borderId="12" xfId="0" applyNumberFormat="1" applyFont="1" applyBorder="1" applyAlignment="1">
      <alignment horizontal="distributed" vertical="center" wrapText="1" shrinkToFit="1"/>
    </xf>
    <xf numFmtId="179" fontId="19" fillId="0" borderId="13" xfId="0" applyNumberFormat="1" applyFont="1" applyBorder="1" applyAlignment="1">
      <alignment horizontal="distributed" vertical="center" wrapText="1" shrinkToFit="1"/>
    </xf>
    <xf numFmtId="206" fontId="8" fillId="0" borderId="27" xfId="0" applyNumberFormat="1" applyFont="1" applyBorder="1" applyAlignment="1">
      <alignment horizontal="right" vertical="center" shrinkToFit="1"/>
    </xf>
    <xf numFmtId="206" fontId="8" fillId="0" borderId="20" xfId="0" applyNumberFormat="1" applyFont="1" applyBorder="1" applyAlignment="1">
      <alignment horizontal="right" vertical="center" shrinkToFit="1"/>
    </xf>
    <xf numFmtId="206" fontId="8" fillId="0" borderId="28" xfId="0" applyNumberFormat="1" applyFont="1" applyBorder="1" applyAlignment="1">
      <alignment horizontal="right" vertical="center" shrinkToFit="1"/>
    </xf>
    <xf numFmtId="179" fontId="8" fillId="0" borderId="9" xfId="0" applyNumberFormat="1" applyFont="1" applyBorder="1" applyAlignment="1">
      <alignment horizontal="right" vertical="center"/>
    </xf>
    <xf numFmtId="179" fontId="8" fillId="0" borderId="2" xfId="0" applyNumberFormat="1" applyFont="1" applyBorder="1" applyAlignment="1">
      <alignment horizontal="right" vertical="center"/>
    </xf>
    <xf numFmtId="179" fontId="8" fillId="0" borderId="11" xfId="0" applyNumberFormat="1" applyFont="1" applyBorder="1" applyAlignment="1">
      <alignment horizontal="right" vertical="center"/>
    </xf>
    <xf numFmtId="176" fontId="8" fillId="0" borderId="16" xfId="0" applyNumberFormat="1" applyFont="1" applyBorder="1" applyAlignment="1">
      <alignment horizontal="distributed" vertical="center" indent="1" shrinkToFit="1"/>
    </xf>
    <xf numFmtId="176" fontId="8" fillId="0" borderId="2" xfId="0" applyNumberFormat="1" applyFont="1" applyBorder="1" applyAlignment="1">
      <alignment horizontal="distributed" vertical="center" indent="1" shrinkToFit="1"/>
    </xf>
    <xf numFmtId="176" fontId="8" fillId="0" borderId="18" xfId="0" applyNumberFormat="1" applyFont="1" applyBorder="1" applyAlignment="1">
      <alignment horizontal="distributed" vertical="center" indent="1" shrinkToFit="1"/>
    </xf>
    <xf numFmtId="176" fontId="8" fillId="0" borderId="17" xfId="0" applyNumberFormat="1" applyFont="1" applyBorder="1" applyAlignment="1">
      <alignment horizontal="distributed" vertical="center" indent="1" shrinkToFit="1"/>
    </xf>
    <xf numFmtId="176" fontId="8" fillId="0" borderId="12" xfId="0" applyNumberFormat="1" applyFont="1" applyBorder="1" applyAlignment="1">
      <alignment horizontal="distributed" vertical="center" indent="1" shrinkToFit="1"/>
    </xf>
    <xf numFmtId="176" fontId="8" fillId="0" borderId="19" xfId="0" applyNumberFormat="1" applyFont="1" applyBorder="1" applyAlignment="1">
      <alignment horizontal="distributed" vertical="center" indent="1" shrinkToFit="1"/>
    </xf>
    <xf numFmtId="181" fontId="18" fillId="0" borderId="37" xfId="0" applyNumberFormat="1" applyFont="1" applyBorder="1" applyAlignment="1">
      <alignment horizontal="right" vertical="center"/>
    </xf>
    <xf numFmtId="181" fontId="8" fillId="0" borderId="0" xfId="0" applyNumberFormat="1" applyFont="1" applyAlignment="1" applyProtection="1">
      <alignment horizontal="right" vertical="center"/>
      <protection locked="0"/>
    </xf>
    <xf numFmtId="181" fontId="8" fillId="0" borderId="15" xfId="0" applyNumberFormat="1" applyFont="1" applyBorder="1" applyAlignment="1" applyProtection="1">
      <alignment horizontal="right" vertical="center"/>
      <protection locked="0"/>
    </xf>
    <xf numFmtId="202" fontId="8" fillId="0" borderId="15" xfId="0" applyNumberFormat="1" applyFont="1" applyBorder="1" applyAlignment="1">
      <alignment horizontal="right" vertical="center"/>
    </xf>
    <xf numFmtId="202" fontId="8" fillId="0" borderId="0" xfId="0" applyNumberFormat="1" applyFont="1" applyAlignment="1">
      <alignment horizontal="right" vertical="center"/>
    </xf>
    <xf numFmtId="202" fontId="8" fillId="0" borderId="3" xfId="0" applyNumberFormat="1" applyFont="1" applyBorder="1" applyAlignment="1">
      <alignment horizontal="right" vertical="center"/>
    </xf>
    <xf numFmtId="181" fontId="8" fillId="0" borderId="30" xfId="0" applyNumberFormat="1" applyFont="1" applyBorder="1" applyAlignment="1">
      <alignment horizontal="right" vertical="center"/>
    </xf>
    <xf numFmtId="202" fontId="41" fillId="0" borderId="37" xfId="33" applyNumberFormat="1" applyFont="1" applyBorder="1" applyAlignment="1" applyProtection="1">
      <alignment horizontal="right" vertical="center"/>
    </xf>
    <xf numFmtId="202" fontId="41" fillId="0" borderId="6" xfId="33" applyNumberFormat="1" applyFont="1" applyBorder="1" applyAlignment="1" applyProtection="1">
      <alignment horizontal="right" vertical="center"/>
    </xf>
    <xf numFmtId="202" fontId="41" fillId="0" borderId="26" xfId="33" applyNumberFormat="1" applyFont="1" applyBorder="1" applyAlignment="1" applyProtection="1">
      <alignment horizontal="right" vertical="center"/>
    </xf>
    <xf numFmtId="181" fontId="18" fillId="0" borderId="37" xfId="0" applyNumberFormat="1" applyFont="1" applyBorder="1" applyAlignment="1" applyProtection="1">
      <alignment horizontal="right" vertical="center"/>
      <protection locked="0"/>
    </xf>
    <xf numFmtId="186" fontId="8" fillId="0" borderId="6" xfId="0" applyNumberFormat="1" applyFont="1" applyBorder="1" applyAlignment="1">
      <alignment horizontal="right" vertical="center"/>
    </xf>
    <xf numFmtId="186" fontId="8" fillId="0" borderId="26" xfId="0" applyNumberFormat="1" applyFont="1" applyBorder="1" applyAlignment="1">
      <alignment horizontal="right" vertical="center"/>
    </xf>
    <xf numFmtId="200" fontId="8" fillId="0" borderId="15" xfId="0" applyNumberFormat="1" applyFont="1" applyBorder="1" applyAlignment="1">
      <alignment horizontal="right" vertical="center"/>
    </xf>
    <xf numFmtId="185" fontId="8" fillId="0" borderId="37" xfId="0" applyNumberFormat="1" applyFont="1" applyBorder="1" applyAlignment="1">
      <alignment horizontal="right" vertical="center"/>
    </xf>
    <xf numFmtId="189" fontId="18" fillId="0" borderId="29" xfId="0" applyNumberFormat="1" applyFont="1" applyBorder="1" applyAlignment="1">
      <alignment horizontal="right" vertical="center"/>
    </xf>
    <xf numFmtId="207" fontId="8" fillId="0" borderId="15" xfId="0" applyNumberFormat="1" applyFont="1" applyBorder="1" applyAlignment="1">
      <alignment horizontal="right" vertical="center"/>
    </xf>
    <xf numFmtId="207" fontId="8" fillId="0" borderId="3" xfId="0" applyNumberFormat="1" applyFont="1" applyBorder="1" applyAlignment="1">
      <alignment horizontal="right" vertical="center"/>
    </xf>
    <xf numFmtId="178" fontId="8" fillId="0" borderId="26" xfId="0" applyNumberFormat="1" applyFont="1" applyBorder="1" applyAlignment="1">
      <alignment horizontal="right" vertical="center"/>
    </xf>
    <xf numFmtId="176" fontId="8" fillId="0" borderId="15" xfId="0" applyNumberFormat="1" applyFont="1" applyBorder="1" applyAlignment="1">
      <alignment horizontal="right" vertical="center" shrinkToFit="1"/>
    </xf>
    <xf numFmtId="0" fontId="8" fillId="0" borderId="15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204" fontId="8" fillId="0" borderId="31" xfId="0" applyNumberFormat="1" applyFont="1" applyBorder="1" applyAlignment="1">
      <alignment horizontal="center" vertical="center"/>
    </xf>
    <xf numFmtId="204" fontId="8" fillId="0" borderId="21" xfId="0" applyNumberFormat="1" applyFont="1" applyBorder="1" applyAlignment="1">
      <alignment horizontal="center" vertical="center"/>
    </xf>
    <xf numFmtId="181" fontId="18" fillId="0" borderId="20" xfId="0" applyNumberFormat="1" applyFont="1" applyBorder="1" applyAlignment="1">
      <alignment horizontal="right" vertical="center"/>
    </xf>
    <xf numFmtId="181" fontId="18" fillId="0" borderId="30" xfId="0" applyNumberFormat="1" applyFont="1" applyBorder="1" applyAlignment="1">
      <alignment horizontal="right" vertical="center"/>
    </xf>
    <xf numFmtId="199" fontId="18" fillId="0" borderId="20" xfId="0" applyNumberFormat="1" applyFont="1" applyBorder="1" applyAlignment="1">
      <alignment horizontal="right" vertical="center"/>
    </xf>
    <xf numFmtId="178" fontId="8" fillId="0" borderId="15" xfId="0" applyNumberFormat="1" applyFont="1" applyBorder="1" applyAlignment="1">
      <alignment horizontal="right" vertical="center"/>
    </xf>
    <xf numFmtId="176" fontId="18" fillId="0" borderId="26" xfId="0" applyNumberFormat="1" applyFont="1" applyBorder="1" applyAlignment="1">
      <alignment vertical="center"/>
    </xf>
    <xf numFmtId="199" fontId="18" fillId="0" borderId="29" xfId="0" applyNumberFormat="1" applyFont="1" applyBorder="1" applyAlignment="1">
      <alignment horizontal="right" vertical="center"/>
    </xf>
    <xf numFmtId="179" fontId="18" fillId="0" borderId="26" xfId="0" applyNumberFormat="1" applyFont="1" applyBorder="1" applyAlignment="1">
      <alignment vertical="center"/>
    </xf>
    <xf numFmtId="0" fontId="8" fillId="0" borderId="38" xfId="0" applyFont="1" applyBorder="1" applyAlignment="1">
      <alignment horizontal="distributed" vertical="center" shrinkToFit="1"/>
    </xf>
    <xf numFmtId="176" fontId="8" fillId="0" borderId="39" xfId="0" applyNumberFormat="1" applyFont="1" applyBorder="1" applyAlignment="1">
      <alignment horizontal="distributed" vertical="center"/>
    </xf>
    <xf numFmtId="0" fontId="8" fillId="0" borderId="11" xfId="0" applyFont="1" applyBorder="1" applyAlignment="1">
      <alignment horizontal="distributed" vertical="center" indent="4"/>
    </xf>
    <xf numFmtId="0" fontId="8" fillId="0" borderId="13" xfId="0" applyFont="1" applyBorder="1" applyAlignment="1">
      <alignment horizontal="distributed" vertical="center" indent="4"/>
    </xf>
    <xf numFmtId="191" fontId="8" fillId="0" borderId="15" xfId="0" applyNumberFormat="1" applyFont="1" applyBorder="1" applyAlignment="1" applyProtection="1">
      <alignment horizontal="right" vertical="center" shrinkToFit="1"/>
      <protection locked="0"/>
    </xf>
    <xf numFmtId="191" fontId="8" fillId="0" borderId="0" xfId="0" applyNumberFormat="1" applyFont="1" applyAlignment="1" applyProtection="1">
      <alignment horizontal="right" vertical="center" shrinkToFit="1"/>
      <protection locked="0"/>
    </xf>
    <xf numFmtId="0" fontId="8" fillId="0" borderId="41" xfId="0" applyFont="1" applyBorder="1" applyAlignment="1">
      <alignment horizontal="center" vertical="center"/>
    </xf>
    <xf numFmtId="0" fontId="8" fillId="0" borderId="45" xfId="0" applyFont="1" applyBorder="1" applyAlignment="1">
      <alignment horizontal="center" vertical="center"/>
    </xf>
    <xf numFmtId="176" fontId="8" fillId="0" borderId="3" xfId="0" applyNumberFormat="1" applyFont="1" applyBorder="1" applyAlignment="1">
      <alignment vertical="center"/>
    </xf>
    <xf numFmtId="0" fontId="8" fillId="0" borderId="38" xfId="0" applyFont="1" applyBorder="1" applyAlignment="1">
      <alignment horizontal="center" vertical="center"/>
    </xf>
    <xf numFmtId="177" fontId="8" fillId="0" borderId="18" xfId="0" applyNumberFormat="1" applyFont="1" applyBorder="1" applyAlignment="1">
      <alignment horizontal="distributed" vertical="center" shrinkToFit="1"/>
    </xf>
    <xf numFmtId="177" fontId="8" fillId="0" borderId="19" xfId="0" applyNumberFormat="1" applyFont="1" applyBorder="1" applyAlignment="1">
      <alignment horizontal="distributed" vertical="center" shrinkToFit="1"/>
    </xf>
    <xf numFmtId="0" fontId="8" fillId="0" borderId="32" xfId="0" applyFont="1" applyBorder="1" applyAlignment="1">
      <alignment horizontal="center" vertical="center" wrapText="1"/>
    </xf>
    <xf numFmtId="0" fontId="17" fillId="0" borderId="21" xfId="0" applyFont="1" applyBorder="1" applyAlignment="1">
      <alignment horizontal="center" vertical="center" wrapText="1"/>
    </xf>
    <xf numFmtId="0" fontId="17" fillId="0" borderId="35" xfId="0" applyFont="1" applyBorder="1" applyAlignment="1">
      <alignment horizontal="center" vertical="center" wrapText="1"/>
    </xf>
  </cellXfs>
  <cellStyles count="45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" xfId="33" builtinId="6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38" builtinId="25" customBuiltin="1"/>
    <cellStyle name="出力" xfId="39" builtinId="21" customBuiltin="1"/>
    <cellStyle name="説明文" xfId="40" builtinId="53" customBuiltin="1"/>
    <cellStyle name="入力" xfId="41" builtinId="20" customBuiltin="1"/>
    <cellStyle name="標準" xfId="0" builtinId="0"/>
    <cellStyle name="標準 16" xfId="44"/>
    <cellStyle name="標準 2" xfId="42"/>
    <cellStyle name="良い" xfId="43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4</xdr:row>
      <xdr:rowOff>9525</xdr:rowOff>
    </xdr:from>
    <xdr:to>
      <xdr:col>6</xdr:col>
      <xdr:colOff>200025</xdr:colOff>
      <xdr:row>7</xdr:row>
      <xdr:rowOff>9525</xdr:rowOff>
    </xdr:to>
    <xdr:sp macro="" textlink="">
      <xdr:nvSpPr>
        <xdr:cNvPr id="34986" name="Line 3">
          <a:extLst>
            <a:ext uri="{FF2B5EF4-FFF2-40B4-BE49-F238E27FC236}">
              <a16:creationId xmlns:a16="http://schemas.microsoft.com/office/drawing/2014/main" xmlns="" id="{00000000-0008-0000-0000-0000AA880000}"/>
            </a:ext>
          </a:extLst>
        </xdr:cNvPr>
        <xdr:cNvSpPr>
          <a:spLocks noChangeShapeType="1"/>
        </xdr:cNvSpPr>
      </xdr:nvSpPr>
      <xdr:spPr bwMode="auto">
        <a:xfrm flipH="1" flipV="1">
          <a:off x="0" y="904875"/>
          <a:ext cx="1857375" cy="7429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15</xdr:row>
      <xdr:rowOff>9525</xdr:rowOff>
    </xdr:from>
    <xdr:to>
      <xdr:col>5</xdr:col>
      <xdr:colOff>190500</xdr:colOff>
      <xdr:row>118</xdr:row>
      <xdr:rowOff>0</xdr:rowOff>
    </xdr:to>
    <xdr:sp macro="" textlink="">
      <xdr:nvSpPr>
        <xdr:cNvPr id="34988" name="Line 8">
          <a:extLst>
            <a:ext uri="{FF2B5EF4-FFF2-40B4-BE49-F238E27FC236}">
              <a16:creationId xmlns:a16="http://schemas.microsoft.com/office/drawing/2014/main" xmlns="" id="{00000000-0008-0000-0000-0000AC880000}"/>
            </a:ext>
          </a:extLst>
        </xdr:cNvPr>
        <xdr:cNvSpPr>
          <a:spLocks noChangeShapeType="1"/>
        </xdr:cNvSpPr>
      </xdr:nvSpPr>
      <xdr:spPr bwMode="auto">
        <a:xfrm flipH="1" flipV="1">
          <a:off x="0" y="39100125"/>
          <a:ext cx="1609725" cy="7905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89</xdr:row>
      <xdr:rowOff>9525</xdr:rowOff>
    </xdr:from>
    <xdr:to>
      <xdr:col>11</xdr:col>
      <xdr:colOff>190500</xdr:colOff>
      <xdr:row>91</xdr:row>
      <xdr:rowOff>9525</xdr:rowOff>
    </xdr:to>
    <xdr:sp macro="" textlink="">
      <xdr:nvSpPr>
        <xdr:cNvPr id="34989" name="Freeform 9">
          <a:extLst>
            <a:ext uri="{FF2B5EF4-FFF2-40B4-BE49-F238E27FC236}">
              <a16:creationId xmlns:a16="http://schemas.microsoft.com/office/drawing/2014/main" xmlns="" id="{00000000-0008-0000-0000-0000AD880000}"/>
            </a:ext>
          </a:extLst>
        </xdr:cNvPr>
        <xdr:cNvSpPr>
          <a:spLocks/>
        </xdr:cNvSpPr>
      </xdr:nvSpPr>
      <xdr:spPr bwMode="auto">
        <a:xfrm>
          <a:off x="0" y="29546550"/>
          <a:ext cx="3038475" cy="581025"/>
        </a:xfrm>
        <a:custGeom>
          <a:avLst/>
          <a:gdLst>
            <a:gd name="T0" fmla="*/ 2147483646 w 254"/>
            <a:gd name="T1" fmla="*/ 2147483646 h 44"/>
            <a:gd name="T2" fmla="*/ 2147483646 w 254"/>
            <a:gd name="T3" fmla="*/ 2147483646 h 44"/>
            <a:gd name="T4" fmla="*/ 0 w 254"/>
            <a:gd name="T5" fmla="*/ 0 h 44"/>
            <a:gd name="T6" fmla="*/ 0 60000 65536"/>
            <a:gd name="T7" fmla="*/ 0 60000 65536"/>
            <a:gd name="T8" fmla="*/ 0 60000 65536"/>
            <a:gd name="T9" fmla="*/ 0 w 254"/>
            <a:gd name="T10" fmla="*/ 0 h 44"/>
            <a:gd name="T11" fmla="*/ 254 w 254"/>
            <a:gd name="T12" fmla="*/ 44 h 44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54" h="44">
              <a:moveTo>
                <a:pt x="254" y="44"/>
              </a:moveTo>
              <a:lnTo>
                <a:pt x="252" y="43"/>
              </a:ln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315</xdr:row>
      <xdr:rowOff>0</xdr:rowOff>
    </xdr:from>
    <xdr:to>
      <xdr:col>5</xdr:col>
      <xdr:colOff>0</xdr:colOff>
      <xdr:row>317</xdr:row>
      <xdr:rowOff>0</xdr:rowOff>
    </xdr:to>
    <xdr:sp macro="" textlink="">
      <xdr:nvSpPr>
        <xdr:cNvPr id="34991" name="Line 13">
          <a:extLst>
            <a:ext uri="{FF2B5EF4-FFF2-40B4-BE49-F238E27FC236}">
              <a16:creationId xmlns:a16="http://schemas.microsoft.com/office/drawing/2014/main" xmlns="" id="{00000000-0008-0000-0000-0000AF880000}"/>
            </a:ext>
          </a:extLst>
        </xdr:cNvPr>
        <xdr:cNvSpPr>
          <a:spLocks noChangeShapeType="1"/>
        </xdr:cNvSpPr>
      </xdr:nvSpPr>
      <xdr:spPr bwMode="auto">
        <a:xfrm flipH="1" flipV="1">
          <a:off x="0" y="91811475"/>
          <a:ext cx="1419225" cy="4953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75</xdr:row>
      <xdr:rowOff>9525</xdr:rowOff>
    </xdr:from>
    <xdr:to>
      <xdr:col>4</xdr:col>
      <xdr:colOff>19050</xdr:colOff>
      <xdr:row>277</xdr:row>
      <xdr:rowOff>171450</xdr:rowOff>
    </xdr:to>
    <xdr:sp macro="" textlink="">
      <xdr:nvSpPr>
        <xdr:cNvPr id="34992" name="Line 14">
          <a:extLst>
            <a:ext uri="{FF2B5EF4-FFF2-40B4-BE49-F238E27FC236}">
              <a16:creationId xmlns:a16="http://schemas.microsoft.com/office/drawing/2014/main" xmlns="" id="{00000000-0008-0000-0000-0000B0880000}"/>
            </a:ext>
          </a:extLst>
        </xdr:cNvPr>
        <xdr:cNvSpPr>
          <a:spLocks noChangeShapeType="1"/>
        </xdr:cNvSpPr>
      </xdr:nvSpPr>
      <xdr:spPr bwMode="auto">
        <a:xfrm flipH="1" flipV="1">
          <a:off x="0" y="84039075"/>
          <a:ext cx="1200150" cy="5048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65</xdr:row>
      <xdr:rowOff>0</xdr:rowOff>
    </xdr:from>
    <xdr:to>
      <xdr:col>7</xdr:col>
      <xdr:colOff>0</xdr:colOff>
      <xdr:row>266</xdr:row>
      <xdr:rowOff>0</xdr:rowOff>
    </xdr:to>
    <xdr:sp macro="" textlink="">
      <xdr:nvSpPr>
        <xdr:cNvPr id="34993" name="Freeform 15">
          <a:extLst>
            <a:ext uri="{FF2B5EF4-FFF2-40B4-BE49-F238E27FC236}">
              <a16:creationId xmlns:a16="http://schemas.microsoft.com/office/drawing/2014/main" xmlns="" id="{00000000-0008-0000-0000-0000B1880000}"/>
            </a:ext>
          </a:extLst>
        </xdr:cNvPr>
        <xdr:cNvSpPr>
          <a:spLocks/>
        </xdr:cNvSpPr>
      </xdr:nvSpPr>
      <xdr:spPr bwMode="auto">
        <a:xfrm>
          <a:off x="0" y="82410300"/>
          <a:ext cx="1895475" cy="171450"/>
        </a:xfrm>
        <a:custGeom>
          <a:avLst/>
          <a:gdLst>
            <a:gd name="T0" fmla="*/ 2147483646 w 147"/>
            <a:gd name="T1" fmla="*/ 2147483646 h 22"/>
            <a:gd name="T2" fmla="*/ 2147483646 w 147"/>
            <a:gd name="T3" fmla="*/ 2147483646 h 22"/>
            <a:gd name="T4" fmla="*/ 0 w 147"/>
            <a:gd name="T5" fmla="*/ 0 h 22"/>
            <a:gd name="T6" fmla="*/ 0 60000 65536"/>
            <a:gd name="T7" fmla="*/ 0 60000 65536"/>
            <a:gd name="T8" fmla="*/ 0 60000 65536"/>
            <a:gd name="T9" fmla="*/ 0 w 147"/>
            <a:gd name="T10" fmla="*/ 0 h 22"/>
            <a:gd name="T11" fmla="*/ 147 w 147"/>
            <a:gd name="T12" fmla="*/ 22 h 22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147" h="22">
              <a:moveTo>
                <a:pt x="146" y="22"/>
              </a:moveTo>
              <a:lnTo>
                <a:pt x="147" y="22"/>
              </a:ln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19050</xdr:colOff>
      <xdr:row>251</xdr:row>
      <xdr:rowOff>9525</xdr:rowOff>
    </xdr:from>
    <xdr:to>
      <xdr:col>5</xdr:col>
      <xdr:colOff>0</xdr:colOff>
      <xdr:row>252</xdr:row>
      <xdr:rowOff>171450</xdr:rowOff>
    </xdr:to>
    <xdr:sp macro="" textlink="">
      <xdr:nvSpPr>
        <xdr:cNvPr id="34994" name="Line 16">
          <a:extLst>
            <a:ext uri="{FF2B5EF4-FFF2-40B4-BE49-F238E27FC236}">
              <a16:creationId xmlns:a16="http://schemas.microsoft.com/office/drawing/2014/main" xmlns="" id="{00000000-0008-0000-0000-0000B2880000}"/>
            </a:ext>
          </a:extLst>
        </xdr:cNvPr>
        <xdr:cNvSpPr>
          <a:spLocks noChangeShapeType="1"/>
        </xdr:cNvSpPr>
      </xdr:nvSpPr>
      <xdr:spPr bwMode="auto">
        <a:xfrm flipH="1" flipV="1">
          <a:off x="19050" y="80143350"/>
          <a:ext cx="1400175" cy="3333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96</xdr:row>
      <xdr:rowOff>0</xdr:rowOff>
    </xdr:from>
    <xdr:to>
      <xdr:col>4</xdr:col>
      <xdr:colOff>190500</xdr:colOff>
      <xdr:row>298</xdr:row>
      <xdr:rowOff>0</xdr:rowOff>
    </xdr:to>
    <xdr:sp macro="" textlink="">
      <xdr:nvSpPr>
        <xdr:cNvPr id="34995" name="Line 17">
          <a:extLst>
            <a:ext uri="{FF2B5EF4-FFF2-40B4-BE49-F238E27FC236}">
              <a16:creationId xmlns:a16="http://schemas.microsoft.com/office/drawing/2014/main" xmlns="" id="{00000000-0008-0000-0000-0000B3880000}"/>
            </a:ext>
          </a:extLst>
        </xdr:cNvPr>
        <xdr:cNvSpPr>
          <a:spLocks noChangeShapeType="1"/>
        </xdr:cNvSpPr>
      </xdr:nvSpPr>
      <xdr:spPr bwMode="auto">
        <a:xfrm flipH="1" flipV="1">
          <a:off x="0" y="87763350"/>
          <a:ext cx="1371600" cy="3429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286</xdr:row>
      <xdr:rowOff>0</xdr:rowOff>
    </xdr:from>
    <xdr:to>
      <xdr:col>5</xdr:col>
      <xdr:colOff>9525</xdr:colOff>
      <xdr:row>288</xdr:row>
      <xdr:rowOff>9525</xdr:rowOff>
    </xdr:to>
    <xdr:sp macro="" textlink="">
      <xdr:nvSpPr>
        <xdr:cNvPr id="34996" name="Freeform 18">
          <a:extLst>
            <a:ext uri="{FF2B5EF4-FFF2-40B4-BE49-F238E27FC236}">
              <a16:creationId xmlns:a16="http://schemas.microsoft.com/office/drawing/2014/main" xmlns="" id="{00000000-0008-0000-0000-0000B4880000}"/>
            </a:ext>
          </a:extLst>
        </xdr:cNvPr>
        <xdr:cNvSpPr>
          <a:spLocks/>
        </xdr:cNvSpPr>
      </xdr:nvSpPr>
      <xdr:spPr bwMode="auto">
        <a:xfrm>
          <a:off x="9525" y="85963125"/>
          <a:ext cx="1419225" cy="352425"/>
        </a:xfrm>
        <a:custGeom>
          <a:avLst/>
          <a:gdLst>
            <a:gd name="T0" fmla="*/ 2147483646 w 106"/>
            <a:gd name="T1" fmla="*/ 2147483646 h 43"/>
            <a:gd name="T2" fmla="*/ 0 w 106"/>
            <a:gd name="T3" fmla="*/ 0 h 43"/>
            <a:gd name="T4" fmla="*/ 0 60000 65536"/>
            <a:gd name="T5" fmla="*/ 0 60000 65536"/>
            <a:gd name="T6" fmla="*/ 0 w 106"/>
            <a:gd name="T7" fmla="*/ 0 h 43"/>
            <a:gd name="T8" fmla="*/ 106 w 106"/>
            <a:gd name="T9" fmla="*/ 43 h 43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6" h="43">
              <a:moveTo>
                <a:pt x="106" y="43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305</xdr:row>
      <xdr:rowOff>0</xdr:rowOff>
    </xdr:from>
    <xdr:to>
      <xdr:col>6</xdr:col>
      <xdr:colOff>0</xdr:colOff>
      <xdr:row>307</xdr:row>
      <xdr:rowOff>0</xdr:rowOff>
    </xdr:to>
    <xdr:sp macro="" textlink="">
      <xdr:nvSpPr>
        <xdr:cNvPr id="34997" name="Line 19">
          <a:extLst>
            <a:ext uri="{FF2B5EF4-FFF2-40B4-BE49-F238E27FC236}">
              <a16:creationId xmlns:a16="http://schemas.microsoft.com/office/drawing/2014/main" xmlns="" id="{00000000-0008-0000-0000-0000B5880000}"/>
            </a:ext>
          </a:extLst>
        </xdr:cNvPr>
        <xdr:cNvSpPr>
          <a:spLocks noChangeShapeType="1"/>
        </xdr:cNvSpPr>
      </xdr:nvSpPr>
      <xdr:spPr bwMode="auto">
        <a:xfrm flipH="1" flipV="1">
          <a:off x="0" y="89535000"/>
          <a:ext cx="1657350" cy="4953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19050</xdr:colOff>
      <xdr:row>324</xdr:row>
      <xdr:rowOff>9525</xdr:rowOff>
    </xdr:from>
    <xdr:to>
      <xdr:col>5</xdr:col>
      <xdr:colOff>9525</xdr:colOff>
      <xdr:row>326</xdr:row>
      <xdr:rowOff>9525</xdr:rowOff>
    </xdr:to>
    <xdr:sp macro="" textlink="">
      <xdr:nvSpPr>
        <xdr:cNvPr id="34998" name="Freeform 20">
          <a:extLst>
            <a:ext uri="{FF2B5EF4-FFF2-40B4-BE49-F238E27FC236}">
              <a16:creationId xmlns:a16="http://schemas.microsoft.com/office/drawing/2014/main" xmlns="" id="{00000000-0008-0000-0000-0000B6880000}"/>
            </a:ext>
          </a:extLst>
        </xdr:cNvPr>
        <xdr:cNvSpPr>
          <a:spLocks/>
        </xdr:cNvSpPr>
      </xdr:nvSpPr>
      <xdr:spPr bwMode="auto">
        <a:xfrm>
          <a:off x="19050" y="93926025"/>
          <a:ext cx="1409700" cy="495300"/>
        </a:xfrm>
        <a:custGeom>
          <a:avLst/>
          <a:gdLst>
            <a:gd name="T0" fmla="*/ 2147483646 w 104"/>
            <a:gd name="T1" fmla="*/ 2147483646 h 51"/>
            <a:gd name="T2" fmla="*/ 0 w 104"/>
            <a:gd name="T3" fmla="*/ 0 h 51"/>
            <a:gd name="T4" fmla="*/ 0 60000 65536"/>
            <a:gd name="T5" fmla="*/ 0 60000 65536"/>
            <a:gd name="T6" fmla="*/ 0 w 104"/>
            <a:gd name="T7" fmla="*/ 0 h 51"/>
            <a:gd name="T8" fmla="*/ 104 w 104"/>
            <a:gd name="T9" fmla="*/ 51 h 51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104" h="51">
              <a:moveTo>
                <a:pt x="104" y="51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334</xdr:row>
      <xdr:rowOff>0</xdr:rowOff>
    </xdr:from>
    <xdr:to>
      <xdr:col>4</xdr:col>
      <xdr:colOff>190500</xdr:colOff>
      <xdr:row>337</xdr:row>
      <xdr:rowOff>0</xdr:rowOff>
    </xdr:to>
    <xdr:sp macro="" textlink="">
      <xdr:nvSpPr>
        <xdr:cNvPr id="34999" name="Line 21">
          <a:extLst>
            <a:ext uri="{FF2B5EF4-FFF2-40B4-BE49-F238E27FC236}">
              <a16:creationId xmlns:a16="http://schemas.microsoft.com/office/drawing/2014/main" xmlns="" id="{00000000-0008-0000-0000-0000B7880000}"/>
            </a:ext>
          </a:extLst>
        </xdr:cNvPr>
        <xdr:cNvSpPr>
          <a:spLocks noChangeShapeType="1"/>
        </xdr:cNvSpPr>
      </xdr:nvSpPr>
      <xdr:spPr bwMode="auto">
        <a:xfrm flipH="1" flipV="1">
          <a:off x="0" y="96192975"/>
          <a:ext cx="1371600" cy="7429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82</xdr:row>
      <xdr:rowOff>0</xdr:rowOff>
    </xdr:from>
    <xdr:to>
      <xdr:col>5</xdr:col>
      <xdr:colOff>0</xdr:colOff>
      <xdr:row>385</xdr:row>
      <xdr:rowOff>0</xdr:rowOff>
    </xdr:to>
    <xdr:sp macro="" textlink="">
      <xdr:nvSpPr>
        <xdr:cNvPr id="35000" name="Line 22">
          <a:extLst>
            <a:ext uri="{FF2B5EF4-FFF2-40B4-BE49-F238E27FC236}">
              <a16:creationId xmlns:a16="http://schemas.microsoft.com/office/drawing/2014/main" xmlns="" id="{00000000-0008-0000-0000-0000B8880000}"/>
            </a:ext>
          </a:extLst>
        </xdr:cNvPr>
        <xdr:cNvSpPr>
          <a:spLocks noChangeShapeType="1"/>
        </xdr:cNvSpPr>
      </xdr:nvSpPr>
      <xdr:spPr bwMode="auto">
        <a:xfrm flipH="1" flipV="1">
          <a:off x="0" y="107308650"/>
          <a:ext cx="1419225" cy="6477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94</xdr:row>
      <xdr:rowOff>0</xdr:rowOff>
    </xdr:from>
    <xdr:to>
      <xdr:col>5</xdr:col>
      <xdr:colOff>190500</xdr:colOff>
      <xdr:row>396</xdr:row>
      <xdr:rowOff>0</xdr:rowOff>
    </xdr:to>
    <xdr:sp macro="" textlink="">
      <xdr:nvSpPr>
        <xdr:cNvPr id="35001" name="Line 23">
          <a:extLst>
            <a:ext uri="{FF2B5EF4-FFF2-40B4-BE49-F238E27FC236}">
              <a16:creationId xmlns:a16="http://schemas.microsoft.com/office/drawing/2014/main" xmlns="" id="{00000000-0008-0000-0000-0000B9880000}"/>
            </a:ext>
          </a:extLst>
        </xdr:cNvPr>
        <xdr:cNvSpPr>
          <a:spLocks noChangeShapeType="1"/>
        </xdr:cNvSpPr>
      </xdr:nvSpPr>
      <xdr:spPr bwMode="auto">
        <a:xfrm flipH="1" flipV="1">
          <a:off x="0" y="109880400"/>
          <a:ext cx="1609725" cy="4953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48</xdr:row>
      <xdr:rowOff>0</xdr:rowOff>
    </xdr:from>
    <xdr:to>
      <xdr:col>5</xdr:col>
      <xdr:colOff>0</xdr:colOff>
      <xdr:row>450</xdr:row>
      <xdr:rowOff>0</xdr:rowOff>
    </xdr:to>
    <xdr:sp macro="" textlink="">
      <xdr:nvSpPr>
        <xdr:cNvPr id="35002" name="Line 24">
          <a:extLst>
            <a:ext uri="{FF2B5EF4-FFF2-40B4-BE49-F238E27FC236}">
              <a16:creationId xmlns:a16="http://schemas.microsoft.com/office/drawing/2014/main" xmlns="" id="{00000000-0008-0000-0000-0000BA880000}"/>
            </a:ext>
          </a:extLst>
        </xdr:cNvPr>
        <xdr:cNvSpPr>
          <a:spLocks noChangeShapeType="1"/>
        </xdr:cNvSpPr>
      </xdr:nvSpPr>
      <xdr:spPr bwMode="auto">
        <a:xfrm flipH="1" flipV="1">
          <a:off x="0" y="121958100"/>
          <a:ext cx="1419225" cy="4476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38</xdr:row>
      <xdr:rowOff>9525</xdr:rowOff>
    </xdr:from>
    <xdr:to>
      <xdr:col>4</xdr:col>
      <xdr:colOff>190500</xdr:colOff>
      <xdr:row>440</xdr:row>
      <xdr:rowOff>0</xdr:rowOff>
    </xdr:to>
    <xdr:sp macro="" textlink="">
      <xdr:nvSpPr>
        <xdr:cNvPr id="35003" name="Line 25">
          <a:extLst>
            <a:ext uri="{FF2B5EF4-FFF2-40B4-BE49-F238E27FC236}">
              <a16:creationId xmlns:a16="http://schemas.microsoft.com/office/drawing/2014/main" xmlns="" id="{00000000-0008-0000-0000-0000BB880000}"/>
            </a:ext>
          </a:extLst>
        </xdr:cNvPr>
        <xdr:cNvSpPr>
          <a:spLocks noChangeShapeType="1"/>
        </xdr:cNvSpPr>
      </xdr:nvSpPr>
      <xdr:spPr bwMode="auto">
        <a:xfrm flipH="1" flipV="1">
          <a:off x="0" y="119757825"/>
          <a:ext cx="1371600" cy="4381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57</xdr:row>
      <xdr:rowOff>0</xdr:rowOff>
    </xdr:from>
    <xdr:to>
      <xdr:col>5</xdr:col>
      <xdr:colOff>0</xdr:colOff>
      <xdr:row>459</xdr:row>
      <xdr:rowOff>0</xdr:rowOff>
    </xdr:to>
    <xdr:sp macro="" textlink="">
      <xdr:nvSpPr>
        <xdr:cNvPr id="35004" name="Line 29">
          <a:extLst>
            <a:ext uri="{FF2B5EF4-FFF2-40B4-BE49-F238E27FC236}">
              <a16:creationId xmlns:a16="http://schemas.microsoft.com/office/drawing/2014/main" xmlns="" id="{00000000-0008-0000-0000-0000BC880000}"/>
            </a:ext>
          </a:extLst>
        </xdr:cNvPr>
        <xdr:cNvSpPr>
          <a:spLocks noChangeShapeType="1"/>
        </xdr:cNvSpPr>
      </xdr:nvSpPr>
      <xdr:spPr bwMode="auto">
        <a:xfrm flipH="1" flipV="1">
          <a:off x="0" y="123891675"/>
          <a:ext cx="1419225" cy="4476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66</xdr:row>
      <xdr:rowOff>9525</xdr:rowOff>
    </xdr:from>
    <xdr:to>
      <xdr:col>5</xdr:col>
      <xdr:colOff>9525</xdr:colOff>
      <xdr:row>468</xdr:row>
      <xdr:rowOff>9525</xdr:rowOff>
    </xdr:to>
    <xdr:sp macro="" textlink="">
      <xdr:nvSpPr>
        <xdr:cNvPr id="35005" name="Line 32">
          <a:extLst>
            <a:ext uri="{FF2B5EF4-FFF2-40B4-BE49-F238E27FC236}">
              <a16:creationId xmlns:a16="http://schemas.microsoft.com/office/drawing/2014/main" xmlns="" id="{00000000-0008-0000-0000-0000BD880000}"/>
            </a:ext>
          </a:extLst>
        </xdr:cNvPr>
        <xdr:cNvSpPr>
          <a:spLocks noChangeShapeType="1"/>
        </xdr:cNvSpPr>
      </xdr:nvSpPr>
      <xdr:spPr bwMode="auto">
        <a:xfrm flipH="1" flipV="1">
          <a:off x="0" y="125834775"/>
          <a:ext cx="1428750" cy="4476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422</xdr:row>
      <xdr:rowOff>9525</xdr:rowOff>
    </xdr:from>
    <xdr:to>
      <xdr:col>5</xdr:col>
      <xdr:colOff>0</xdr:colOff>
      <xdr:row>424</xdr:row>
      <xdr:rowOff>0</xdr:rowOff>
    </xdr:to>
    <xdr:sp macro="" textlink="">
      <xdr:nvSpPr>
        <xdr:cNvPr id="35006" name="Line 33">
          <a:extLst>
            <a:ext uri="{FF2B5EF4-FFF2-40B4-BE49-F238E27FC236}">
              <a16:creationId xmlns:a16="http://schemas.microsoft.com/office/drawing/2014/main" xmlns="" id="{00000000-0008-0000-0000-0000BE88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116138325"/>
          <a:ext cx="1409700" cy="4381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33</xdr:row>
      <xdr:rowOff>0</xdr:rowOff>
    </xdr:from>
    <xdr:to>
      <xdr:col>8</xdr:col>
      <xdr:colOff>190500</xdr:colOff>
      <xdr:row>235</xdr:row>
      <xdr:rowOff>0</xdr:rowOff>
    </xdr:to>
    <xdr:sp macro="" textlink="">
      <xdr:nvSpPr>
        <xdr:cNvPr id="35007" name="Line 34">
          <a:extLst>
            <a:ext uri="{FF2B5EF4-FFF2-40B4-BE49-F238E27FC236}">
              <a16:creationId xmlns:a16="http://schemas.microsoft.com/office/drawing/2014/main" xmlns="" id="{00000000-0008-0000-0000-0000BF880000}"/>
            </a:ext>
          </a:extLst>
        </xdr:cNvPr>
        <xdr:cNvSpPr>
          <a:spLocks noChangeShapeType="1"/>
        </xdr:cNvSpPr>
      </xdr:nvSpPr>
      <xdr:spPr bwMode="auto">
        <a:xfrm flipH="1" flipV="1">
          <a:off x="0" y="75990450"/>
          <a:ext cx="2324100" cy="4476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19050</xdr:colOff>
      <xdr:row>240</xdr:row>
      <xdr:rowOff>190500</xdr:rowOff>
    </xdr:from>
    <xdr:to>
      <xdr:col>9</xdr:col>
      <xdr:colOff>9525</xdr:colOff>
      <xdr:row>243</xdr:row>
      <xdr:rowOff>9525</xdr:rowOff>
    </xdr:to>
    <xdr:sp macro="" textlink="">
      <xdr:nvSpPr>
        <xdr:cNvPr id="35008" name="Freeform 35">
          <a:extLst>
            <a:ext uri="{FF2B5EF4-FFF2-40B4-BE49-F238E27FC236}">
              <a16:creationId xmlns:a16="http://schemas.microsoft.com/office/drawing/2014/main" xmlns="" id="{00000000-0008-0000-0000-0000C0880000}"/>
            </a:ext>
          </a:extLst>
        </xdr:cNvPr>
        <xdr:cNvSpPr>
          <a:spLocks/>
        </xdr:cNvSpPr>
      </xdr:nvSpPr>
      <xdr:spPr bwMode="auto">
        <a:xfrm>
          <a:off x="19050" y="77743050"/>
          <a:ext cx="2362200" cy="466725"/>
        </a:xfrm>
        <a:custGeom>
          <a:avLst/>
          <a:gdLst>
            <a:gd name="T0" fmla="*/ 2147483646 w 188"/>
            <a:gd name="T1" fmla="*/ 2147483646 h 46"/>
            <a:gd name="T2" fmla="*/ 2147483646 w 188"/>
            <a:gd name="T3" fmla="*/ 2147483646 h 46"/>
            <a:gd name="T4" fmla="*/ 0 w 188"/>
            <a:gd name="T5" fmla="*/ 0 h 46"/>
            <a:gd name="T6" fmla="*/ 0 60000 65536"/>
            <a:gd name="T7" fmla="*/ 0 60000 65536"/>
            <a:gd name="T8" fmla="*/ 0 60000 65536"/>
            <a:gd name="T9" fmla="*/ 0 w 188"/>
            <a:gd name="T10" fmla="*/ 0 h 46"/>
            <a:gd name="T11" fmla="*/ 188 w 188"/>
            <a:gd name="T12" fmla="*/ 46 h 46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188" h="46">
              <a:moveTo>
                <a:pt x="187" y="46"/>
              </a:moveTo>
              <a:lnTo>
                <a:pt x="188" y="46"/>
              </a:ln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28575</xdr:colOff>
      <xdr:row>33</xdr:row>
      <xdr:rowOff>28575</xdr:rowOff>
    </xdr:from>
    <xdr:to>
      <xdr:col>6</xdr:col>
      <xdr:colOff>171450</xdr:colOff>
      <xdr:row>35</xdr:row>
      <xdr:rowOff>238125</xdr:rowOff>
    </xdr:to>
    <xdr:sp macro="" textlink="">
      <xdr:nvSpPr>
        <xdr:cNvPr id="35009" name="Line 47">
          <a:extLst>
            <a:ext uri="{FF2B5EF4-FFF2-40B4-BE49-F238E27FC236}">
              <a16:creationId xmlns:a16="http://schemas.microsoft.com/office/drawing/2014/main" xmlns="" id="{00000000-0008-0000-0000-0000C1880000}"/>
            </a:ext>
          </a:extLst>
        </xdr:cNvPr>
        <xdr:cNvSpPr>
          <a:spLocks noChangeShapeType="1"/>
        </xdr:cNvSpPr>
      </xdr:nvSpPr>
      <xdr:spPr bwMode="auto">
        <a:xfrm flipH="1" flipV="1">
          <a:off x="28575" y="10182225"/>
          <a:ext cx="1800225" cy="7048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30</xdr:row>
      <xdr:rowOff>9525</xdr:rowOff>
    </xdr:from>
    <xdr:to>
      <xdr:col>5</xdr:col>
      <xdr:colOff>0</xdr:colOff>
      <xdr:row>432</xdr:row>
      <xdr:rowOff>0</xdr:rowOff>
    </xdr:to>
    <xdr:sp macro="" textlink="">
      <xdr:nvSpPr>
        <xdr:cNvPr id="35010" name="Line 1">
          <a:extLst>
            <a:ext uri="{FF2B5EF4-FFF2-40B4-BE49-F238E27FC236}">
              <a16:creationId xmlns:a16="http://schemas.microsoft.com/office/drawing/2014/main" xmlns="" id="{00000000-0008-0000-0000-0000C2880000}"/>
            </a:ext>
          </a:extLst>
        </xdr:cNvPr>
        <xdr:cNvSpPr>
          <a:spLocks noChangeShapeType="1"/>
        </xdr:cNvSpPr>
      </xdr:nvSpPr>
      <xdr:spPr bwMode="auto">
        <a:xfrm flipH="1" flipV="1">
          <a:off x="0" y="117948075"/>
          <a:ext cx="1419225" cy="4381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402</xdr:row>
      <xdr:rowOff>0</xdr:rowOff>
    </xdr:from>
    <xdr:to>
      <xdr:col>3</xdr:col>
      <xdr:colOff>0</xdr:colOff>
      <xdr:row>405</xdr:row>
      <xdr:rowOff>9525</xdr:rowOff>
    </xdr:to>
    <xdr:sp macro="" textlink="">
      <xdr:nvSpPr>
        <xdr:cNvPr id="35011" name="Line 23">
          <a:extLst>
            <a:ext uri="{FF2B5EF4-FFF2-40B4-BE49-F238E27FC236}">
              <a16:creationId xmlns:a16="http://schemas.microsoft.com/office/drawing/2014/main" xmlns="" id="{00000000-0008-0000-0000-0000C3880000}"/>
            </a:ext>
          </a:extLst>
        </xdr:cNvPr>
        <xdr:cNvSpPr>
          <a:spLocks noChangeShapeType="1"/>
        </xdr:cNvSpPr>
      </xdr:nvSpPr>
      <xdr:spPr bwMode="auto">
        <a:xfrm flipH="1" flipV="1">
          <a:off x="0" y="111737775"/>
          <a:ext cx="885825" cy="6572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412</xdr:row>
      <xdr:rowOff>9525</xdr:rowOff>
    </xdr:from>
    <xdr:to>
      <xdr:col>5</xdr:col>
      <xdr:colOff>0</xdr:colOff>
      <xdr:row>414</xdr:row>
      <xdr:rowOff>9525</xdr:rowOff>
    </xdr:to>
    <xdr:sp macro="" textlink="">
      <xdr:nvSpPr>
        <xdr:cNvPr id="35012" name="Line 23">
          <a:extLst>
            <a:ext uri="{FF2B5EF4-FFF2-40B4-BE49-F238E27FC236}">
              <a16:creationId xmlns:a16="http://schemas.microsoft.com/office/drawing/2014/main" xmlns="" id="{00000000-0008-0000-0000-0000C4880000}"/>
            </a:ext>
          </a:extLst>
        </xdr:cNvPr>
        <xdr:cNvSpPr>
          <a:spLocks noChangeShapeType="1"/>
        </xdr:cNvSpPr>
      </xdr:nvSpPr>
      <xdr:spPr bwMode="auto">
        <a:xfrm flipH="1" flipV="1">
          <a:off x="9525" y="113957100"/>
          <a:ext cx="1409700" cy="4476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00</xdr:row>
      <xdr:rowOff>0</xdr:rowOff>
    </xdr:from>
    <xdr:to>
      <xdr:col>4</xdr:col>
      <xdr:colOff>0</xdr:colOff>
      <xdr:row>203</xdr:row>
      <xdr:rowOff>0</xdr:rowOff>
    </xdr:to>
    <xdr:sp macro="" textlink="">
      <xdr:nvSpPr>
        <xdr:cNvPr id="35013" name="Line 12">
          <a:extLst>
            <a:ext uri="{FF2B5EF4-FFF2-40B4-BE49-F238E27FC236}">
              <a16:creationId xmlns:a16="http://schemas.microsoft.com/office/drawing/2014/main" xmlns="" id="{00000000-0008-0000-0000-0000C5880000}"/>
            </a:ext>
          </a:extLst>
        </xdr:cNvPr>
        <xdr:cNvSpPr>
          <a:spLocks noChangeShapeType="1"/>
        </xdr:cNvSpPr>
      </xdr:nvSpPr>
      <xdr:spPr bwMode="auto">
        <a:xfrm flipH="1" flipV="1">
          <a:off x="0" y="63084075"/>
          <a:ext cx="1181100" cy="74295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11</xdr:row>
      <xdr:rowOff>0</xdr:rowOff>
    </xdr:from>
    <xdr:to>
      <xdr:col>11</xdr:col>
      <xdr:colOff>9525</xdr:colOff>
      <xdr:row>214</xdr:row>
      <xdr:rowOff>0</xdr:rowOff>
    </xdr:to>
    <xdr:sp macro="" textlink="">
      <xdr:nvSpPr>
        <xdr:cNvPr id="35014" name="Line 27">
          <a:extLst>
            <a:ext uri="{FF2B5EF4-FFF2-40B4-BE49-F238E27FC236}">
              <a16:creationId xmlns:a16="http://schemas.microsoft.com/office/drawing/2014/main" xmlns="" id="{00000000-0008-0000-0000-0000C6880000}"/>
            </a:ext>
          </a:extLst>
        </xdr:cNvPr>
        <xdr:cNvSpPr>
          <a:spLocks noChangeShapeType="1"/>
        </xdr:cNvSpPr>
      </xdr:nvSpPr>
      <xdr:spPr bwMode="auto">
        <a:xfrm flipH="1" flipV="1">
          <a:off x="0" y="66236850"/>
          <a:ext cx="2857500" cy="8286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1</xdr:row>
      <xdr:rowOff>0</xdr:rowOff>
    </xdr:from>
    <xdr:to>
      <xdr:col>6</xdr:col>
      <xdr:colOff>200025</xdr:colOff>
      <xdr:row>63</xdr:row>
      <xdr:rowOff>0</xdr:rowOff>
    </xdr:to>
    <xdr:sp macro="" textlink="">
      <xdr:nvSpPr>
        <xdr:cNvPr id="35015" name="Line 48">
          <a:extLst>
            <a:ext uri="{FF2B5EF4-FFF2-40B4-BE49-F238E27FC236}">
              <a16:creationId xmlns:a16="http://schemas.microsoft.com/office/drawing/2014/main" xmlns="" id="{00000000-0008-0000-0000-0000C7880000}"/>
            </a:ext>
          </a:extLst>
        </xdr:cNvPr>
        <xdr:cNvSpPr>
          <a:spLocks noChangeShapeType="1"/>
        </xdr:cNvSpPr>
      </xdr:nvSpPr>
      <xdr:spPr bwMode="auto">
        <a:xfrm flipH="1" flipV="1">
          <a:off x="0" y="20154900"/>
          <a:ext cx="1857375" cy="7620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477</xdr:row>
      <xdr:rowOff>9525</xdr:rowOff>
    </xdr:from>
    <xdr:to>
      <xdr:col>5</xdr:col>
      <xdr:colOff>9525</xdr:colOff>
      <xdr:row>479</xdr:row>
      <xdr:rowOff>9525</xdr:rowOff>
    </xdr:to>
    <xdr:sp macro="" textlink="">
      <xdr:nvSpPr>
        <xdr:cNvPr id="35016" name="Freeform 2">
          <a:extLst>
            <a:ext uri="{FF2B5EF4-FFF2-40B4-BE49-F238E27FC236}">
              <a16:creationId xmlns:a16="http://schemas.microsoft.com/office/drawing/2014/main" xmlns="" id="{00000000-0008-0000-0000-0000C8880000}"/>
            </a:ext>
          </a:extLst>
        </xdr:cNvPr>
        <xdr:cNvSpPr>
          <a:spLocks/>
        </xdr:cNvSpPr>
      </xdr:nvSpPr>
      <xdr:spPr bwMode="auto">
        <a:xfrm>
          <a:off x="9525" y="128292225"/>
          <a:ext cx="1419225" cy="447675"/>
        </a:xfrm>
        <a:custGeom>
          <a:avLst/>
          <a:gdLst>
            <a:gd name="T0" fmla="*/ 2147483646 w 63"/>
            <a:gd name="T1" fmla="*/ 2147483646 h 55"/>
            <a:gd name="T2" fmla="*/ 0 w 63"/>
            <a:gd name="T3" fmla="*/ 0 h 55"/>
            <a:gd name="T4" fmla="*/ 0 60000 65536"/>
            <a:gd name="T5" fmla="*/ 0 60000 65536"/>
            <a:gd name="T6" fmla="*/ 0 w 63"/>
            <a:gd name="T7" fmla="*/ 0 h 55"/>
            <a:gd name="T8" fmla="*/ 63 w 63"/>
            <a:gd name="T9" fmla="*/ 55 h 55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63" h="55">
              <a:moveTo>
                <a:pt x="63" y="55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31</xdr:row>
      <xdr:rowOff>0</xdr:rowOff>
    </xdr:from>
    <xdr:to>
      <xdr:col>8</xdr:col>
      <xdr:colOff>0</xdr:colOff>
      <xdr:row>136</xdr:row>
      <xdr:rowOff>0</xdr:rowOff>
    </xdr:to>
    <xdr:sp macro="" textlink="">
      <xdr:nvSpPr>
        <xdr:cNvPr id="32" name="Line 5">
          <a:extLst>
            <a:ext uri="{FF2B5EF4-FFF2-40B4-BE49-F238E27FC236}">
              <a16:creationId xmlns:a16="http://schemas.microsoft.com/office/drawing/2014/main" xmlns="" id="{00000000-0008-0000-0000-000020000000}"/>
            </a:ext>
          </a:extLst>
        </xdr:cNvPr>
        <xdr:cNvSpPr>
          <a:spLocks noChangeShapeType="1"/>
        </xdr:cNvSpPr>
      </xdr:nvSpPr>
      <xdr:spPr bwMode="auto">
        <a:xfrm flipH="1" flipV="1">
          <a:off x="0" y="43214925"/>
          <a:ext cx="2133600" cy="15716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noFill/>
        <a:ln w="3175">
          <a:solidFill>
            <a:srgbClr val="000000"/>
          </a:solidFill>
          <a:round/>
          <a:headEnd/>
          <a:tailEnd/>
        </a:ln>
      </a:spPr>
      <a:bodyPr/>
      <a:lstStyle/>
    </a:sp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indexed="43"/>
  </sheetPr>
  <dimension ref="A1:AM493"/>
  <sheetViews>
    <sheetView showGridLines="0" tabSelected="1" view="pageBreakPreview" zoomScaleNormal="100" zoomScaleSheetLayoutView="100" workbookViewId="0">
      <selection activeCell="AI7" sqref="AI7"/>
    </sheetView>
  </sheetViews>
  <sheetFormatPr defaultRowHeight="15.75" customHeight="1"/>
  <cols>
    <col min="1" max="4" width="3.875" style="25" customWidth="1"/>
    <col min="5" max="16" width="3.125" style="25" customWidth="1"/>
    <col min="17" max="23" width="2.625" style="25" customWidth="1"/>
    <col min="24" max="24" width="3" style="25" customWidth="1"/>
    <col min="25" max="25" width="2.25" style="25" customWidth="1"/>
    <col min="26" max="26" width="2.625" style="25" customWidth="1"/>
    <col min="27" max="27" width="3.625" style="25" customWidth="1"/>
    <col min="28" max="28" width="3.25" style="25" customWidth="1"/>
    <col min="29" max="32" width="2.625" style="25" customWidth="1"/>
    <col min="33" max="33" width="3.25" style="25" customWidth="1"/>
    <col min="34" max="34" width="2.5" style="25" customWidth="1"/>
    <col min="35" max="16384" width="9" style="25"/>
  </cols>
  <sheetData>
    <row r="1" spans="1:36" s="16" customFormat="1" ht="20.100000000000001" customHeight="1">
      <c r="A1" s="151" t="s">
        <v>36</v>
      </c>
      <c r="B1" s="151"/>
      <c r="C1" s="151"/>
      <c r="D1" s="151"/>
      <c r="E1" s="151"/>
      <c r="F1" s="151"/>
      <c r="G1" s="151"/>
      <c r="H1" s="151"/>
      <c r="I1" s="151"/>
      <c r="J1" s="151"/>
      <c r="K1" s="151"/>
      <c r="L1" s="151"/>
      <c r="M1" s="151"/>
      <c r="N1" s="151"/>
      <c r="O1" s="151"/>
      <c r="P1" s="151"/>
      <c r="Q1" s="151"/>
      <c r="R1" s="151"/>
      <c r="S1" s="151"/>
      <c r="T1" s="151"/>
      <c r="U1" s="151"/>
      <c r="V1" s="151"/>
      <c r="W1" s="151"/>
      <c r="X1" s="151"/>
      <c r="Y1" s="151"/>
      <c r="Z1" s="151"/>
      <c r="AA1" s="151"/>
      <c r="AB1" s="151"/>
      <c r="AC1" s="151"/>
      <c r="AD1" s="151"/>
      <c r="AE1" s="151"/>
      <c r="AF1" s="151"/>
      <c r="AG1" s="151"/>
      <c r="AH1" s="15"/>
    </row>
    <row r="2" spans="1:36" s="16" customFormat="1" ht="15.95" customHeight="1">
      <c r="A2" s="15"/>
      <c r="B2" s="15"/>
      <c r="C2" s="15"/>
      <c r="D2" s="15"/>
      <c r="E2" s="15"/>
      <c r="F2" s="15"/>
      <c r="G2" s="15"/>
      <c r="H2" s="15"/>
      <c r="I2" s="15"/>
      <c r="J2" s="15"/>
      <c r="K2" s="15"/>
      <c r="L2" s="15"/>
      <c r="M2" s="15"/>
      <c r="N2" s="15"/>
      <c r="O2" s="15"/>
      <c r="P2" s="15"/>
      <c r="Q2" s="15"/>
      <c r="R2" s="15"/>
      <c r="S2" s="15"/>
      <c r="T2" s="15"/>
      <c r="U2" s="15"/>
      <c r="V2" s="15"/>
      <c r="W2" s="15"/>
      <c r="X2" s="15"/>
      <c r="Y2" s="15"/>
      <c r="Z2" s="15"/>
      <c r="AA2" s="15"/>
      <c r="AB2" s="15"/>
      <c r="AC2" s="15"/>
      <c r="AD2" s="15"/>
      <c r="AE2" s="15"/>
      <c r="AF2" s="15"/>
      <c r="AG2" s="15"/>
      <c r="AH2" s="15"/>
    </row>
    <row r="3" spans="1:36" s="119" customFormat="1" ht="20.100000000000001" customHeight="1">
      <c r="A3" s="4" t="s">
        <v>176</v>
      </c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16"/>
    </row>
    <row r="4" spans="1:36" s="16" customFormat="1" ht="15.95" customHeight="1">
      <c r="A4" s="4"/>
      <c r="B4" s="1" t="s">
        <v>348</v>
      </c>
      <c r="C4" s="5"/>
      <c r="D4" s="5"/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E4" s="5"/>
      <c r="AF4" s="5"/>
      <c r="AG4" s="13" t="s">
        <v>37</v>
      </c>
    </row>
    <row r="5" spans="1:36" s="1" customFormat="1" ht="20.100000000000001" customHeight="1">
      <c r="A5" s="214" t="s">
        <v>171</v>
      </c>
      <c r="B5" s="215"/>
      <c r="C5" s="215"/>
      <c r="D5" s="215"/>
      <c r="E5" s="215"/>
      <c r="F5" s="215"/>
      <c r="G5" s="216"/>
      <c r="H5" s="174" t="s">
        <v>345</v>
      </c>
      <c r="I5" s="175"/>
      <c r="J5" s="175"/>
      <c r="K5" s="175"/>
      <c r="L5" s="175"/>
      <c r="M5" s="175"/>
      <c r="N5" s="175"/>
      <c r="O5" s="175"/>
      <c r="P5" s="175"/>
      <c r="Q5" s="175"/>
      <c r="R5" s="175"/>
      <c r="S5" s="175"/>
      <c r="T5" s="176"/>
      <c r="U5" s="823" t="s">
        <v>412</v>
      </c>
      <c r="V5" s="824"/>
      <c r="W5" s="824"/>
      <c r="X5" s="824"/>
      <c r="Y5" s="824"/>
      <c r="Z5" s="824"/>
      <c r="AA5" s="824"/>
      <c r="AB5" s="824"/>
      <c r="AC5" s="824"/>
      <c r="AD5" s="824"/>
      <c r="AE5" s="824"/>
      <c r="AF5" s="824"/>
      <c r="AG5" s="825"/>
    </row>
    <row r="6" spans="1:36" s="1" customFormat="1" ht="20.100000000000001" customHeight="1">
      <c r="A6" s="819"/>
      <c r="B6" s="256"/>
      <c r="C6" s="256"/>
      <c r="D6" s="256"/>
      <c r="E6" s="256"/>
      <c r="F6" s="256"/>
      <c r="G6" s="257"/>
      <c r="H6" s="813" t="s">
        <v>39</v>
      </c>
      <c r="I6" s="814"/>
      <c r="J6" s="814"/>
      <c r="K6" s="815"/>
      <c r="L6" s="813" t="s">
        <v>40</v>
      </c>
      <c r="M6" s="814"/>
      <c r="N6" s="814"/>
      <c r="O6" s="814"/>
      <c r="P6" s="815"/>
      <c r="Q6" s="834" t="s">
        <v>157</v>
      </c>
      <c r="R6" s="835"/>
      <c r="S6" s="835"/>
      <c r="T6" s="836"/>
      <c r="U6" s="833" t="s">
        <v>39</v>
      </c>
      <c r="V6" s="826"/>
      <c r="W6" s="826"/>
      <c r="X6" s="826"/>
      <c r="Y6" s="826" t="s">
        <v>40</v>
      </c>
      <c r="Z6" s="826"/>
      <c r="AA6" s="826"/>
      <c r="AB6" s="826"/>
      <c r="AC6" s="826"/>
      <c r="AD6" s="827" t="s">
        <v>157</v>
      </c>
      <c r="AE6" s="828"/>
      <c r="AF6" s="828"/>
      <c r="AG6" s="829"/>
      <c r="AH6" s="6"/>
      <c r="AI6" s="6"/>
      <c r="AJ6" s="6"/>
    </row>
    <row r="7" spans="1:36" s="1" customFormat="1" ht="20.100000000000001" customHeight="1">
      <c r="A7" s="635" t="s">
        <v>41</v>
      </c>
      <c r="B7" s="636"/>
      <c r="C7" s="636"/>
      <c r="D7" s="636"/>
      <c r="E7" s="636"/>
      <c r="F7" s="636"/>
      <c r="G7" s="637"/>
      <c r="H7" s="816"/>
      <c r="I7" s="817"/>
      <c r="J7" s="817"/>
      <c r="K7" s="818"/>
      <c r="L7" s="816"/>
      <c r="M7" s="817"/>
      <c r="N7" s="817"/>
      <c r="O7" s="817"/>
      <c r="P7" s="818"/>
      <c r="Q7" s="837"/>
      <c r="R7" s="838"/>
      <c r="S7" s="838"/>
      <c r="T7" s="839"/>
      <c r="U7" s="833"/>
      <c r="V7" s="826"/>
      <c r="W7" s="826"/>
      <c r="X7" s="826"/>
      <c r="Y7" s="826"/>
      <c r="Z7" s="826"/>
      <c r="AA7" s="826"/>
      <c r="AB7" s="826"/>
      <c r="AC7" s="826"/>
      <c r="AD7" s="830"/>
      <c r="AE7" s="831"/>
      <c r="AF7" s="831"/>
      <c r="AG7" s="832"/>
      <c r="AH7" s="6"/>
      <c r="AI7" s="6"/>
      <c r="AJ7" s="6"/>
    </row>
    <row r="8" spans="1:36" s="16" customFormat="1" ht="30" customHeight="1">
      <c r="A8" s="613" t="s">
        <v>307</v>
      </c>
      <c r="B8" s="231"/>
      <c r="C8" s="231"/>
      <c r="D8" s="231"/>
      <c r="E8" s="231"/>
      <c r="F8" s="231"/>
      <c r="G8" s="232"/>
      <c r="H8" s="821">
        <v>1960</v>
      </c>
      <c r="I8" s="820"/>
      <c r="J8" s="820"/>
      <c r="K8" s="820"/>
      <c r="L8" s="820">
        <v>23632</v>
      </c>
      <c r="M8" s="820"/>
      <c r="N8" s="820"/>
      <c r="O8" s="820"/>
      <c r="P8" s="820"/>
      <c r="Q8" s="842">
        <v>12.057142857142857</v>
      </c>
      <c r="R8" s="842"/>
      <c r="S8" s="842"/>
      <c r="T8" s="842"/>
      <c r="U8" s="302">
        <v>2007</v>
      </c>
      <c r="V8" s="302"/>
      <c r="W8" s="302"/>
      <c r="X8" s="302"/>
      <c r="Y8" s="302">
        <v>26795</v>
      </c>
      <c r="Z8" s="302"/>
      <c r="AA8" s="302"/>
      <c r="AB8" s="302"/>
      <c r="AC8" s="302"/>
      <c r="AD8" s="840">
        <f>Y8/U8</f>
        <v>13.350772296960638</v>
      </c>
      <c r="AE8" s="840"/>
      <c r="AF8" s="840"/>
      <c r="AG8" s="841"/>
      <c r="AH8" s="17"/>
      <c r="AI8" s="17"/>
      <c r="AJ8" s="17"/>
    </row>
    <row r="9" spans="1:36" s="1" customFormat="1" ht="30" customHeight="1">
      <c r="A9" s="599" t="s">
        <v>209</v>
      </c>
      <c r="B9" s="597"/>
      <c r="C9" s="597"/>
      <c r="D9" s="597"/>
      <c r="E9" s="597"/>
      <c r="F9" s="597"/>
      <c r="G9" s="598"/>
      <c r="H9" s="595">
        <v>2</v>
      </c>
      <c r="I9" s="294"/>
      <c r="J9" s="294"/>
      <c r="K9" s="294"/>
      <c r="L9" s="294">
        <v>8</v>
      </c>
      <c r="M9" s="294"/>
      <c r="N9" s="294"/>
      <c r="O9" s="294"/>
      <c r="P9" s="294"/>
      <c r="Q9" s="293">
        <v>4</v>
      </c>
      <c r="R9" s="293"/>
      <c r="S9" s="293"/>
      <c r="T9" s="293"/>
      <c r="U9" s="302">
        <v>6</v>
      </c>
      <c r="V9" s="302"/>
      <c r="W9" s="302"/>
      <c r="X9" s="302"/>
      <c r="Y9" s="302">
        <v>22</v>
      </c>
      <c r="Z9" s="302"/>
      <c r="AA9" s="302"/>
      <c r="AB9" s="302"/>
      <c r="AC9" s="302"/>
      <c r="AD9" s="285">
        <f>Y9/U9</f>
        <v>3.6666666666666665</v>
      </c>
      <c r="AE9" s="285"/>
      <c r="AF9" s="285"/>
      <c r="AG9" s="286"/>
      <c r="AH9" s="7"/>
      <c r="AI9" s="7"/>
      <c r="AJ9" s="7"/>
    </row>
    <row r="10" spans="1:36" s="1" customFormat="1" ht="30" customHeight="1">
      <c r="A10" s="596" t="s">
        <v>300</v>
      </c>
      <c r="B10" s="597"/>
      <c r="C10" s="597"/>
      <c r="D10" s="597"/>
      <c r="E10" s="597"/>
      <c r="F10" s="597"/>
      <c r="G10" s="598"/>
      <c r="H10" s="615" t="s">
        <v>152</v>
      </c>
      <c r="I10" s="616"/>
      <c r="J10" s="616"/>
      <c r="K10" s="616"/>
      <c r="L10" s="614" t="s">
        <v>152</v>
      </c>
      <c r="M10" s="614"/>
      <c r="N10" s="614"/>
      <c r="O10" s="614"/>
      <c r="P10" s="614"/>
      <c r="Q10" s="809" t="s">
        <v>152</v>
      </c>
      <c r="R10" s="809"/>
      <c r="S10" s="809"/>
      <c r="T10" s="809"/>
      <c r="U10" s="809" t="s">
        <v>413</v>
      </c>
      <c r="V10" s="809"/>
      <c r="W10" s="809"/>
      <c r="X10" s="809"/>
      <c r="Y10" s="843" t="s">
        <v>413</v>
      </c>
      <c r="Z10" s="843"/>
      <c r="AA10" s="843"/>
      <c r="AB10" s="843"/>
      <c r="AC10" s="843"/>
      <c r="AD10" s="811" t="s">
        <v>414</v>
      </c>
      <c r="AE10" s="811"/>
      <c r="AF10" s="811"/>
      <c r="AG10" s="812"/>
      <c r="AH10" s="7"/>
      <c r="AI10" s="7"/>
      <c r="AJ10" s="7"/>
    </row>
    <row r="11" spans="1:36" s="1" customFormat="1" ht="30" customHeight="1">
      <c r="A11" s="599" t="s">
        <v>210</v>
      </c>
      <c r="B11" s="597"/>
      <c r="C11" s="597"/>
      <c r="D11" s="597"/>
      <c r="E11" s="597"/>
      <c r="F11" s="597"/>
      <c r="G11" s="598"/>
      <c r="H11" s="595">
        <v>147</v>
      </c>
      <c r="I11" s="294"/>
      <c r="J11" s="294"/>
      <c r="K11" s="294"/>
      <c r="L11" s="294">
        <v>873</v>
      </c>
      <c r="M11" s="294"/>
      <c r="N11" s="294"/>
      <c r="O11" s="294"/>
      <c r="P11" s="294"/>
      <c r="Q11" s="293">
        <v>5.9387755102040813</v>
      </c>
      <c r="R11" s="293"/>
      <c r="S11" s="293"/>
      <c r="T11" s="293"/>
      <c r="U11" s="302">
        <v>138</v>
      </c>
      <c r="V11" s="302"/>
      <c r="W11" s="302"/>
      <c r="X11" s="302"/>
      <c r="Y11" s="302">
        <v>899</v>
      </c>
      <c r="Z11" s="302"/>
      <c r="AA11" s="302"/>
      <c r="AB11" s="302"/>
      <c r="AC11" s="302"/>
      <c r="AD11" s="285">
        <f t="shared" ref="AD11:AD13" si="0">Y11/U11</f>
        <v>6.5144927536231885</v>
      </c>
      <c r="AE11" s="285"/>
      <c r="AF11" s="285"/>
      <c r="AG11" s="286"/>
      <c r="AH11" s="7"/>
      <c r="AI11" s="7"/>
      <c r="AJ11" s="7"/>
    </row>
    <row r="12" spans="1:36" s="1" customFormat="1" ht="30" customHeight="1">
      <c r="A12" s="599" t="s">
        <v>211</v>
      </c>
      <c r="B12" s="597"/>
      <c r="C12" s="597"/>
      <c r="D12" s="597"/>
      <c r="E12" s="597"/>
      <c r="F12" s="597"/>
      <c r="G12" s="598"/>
      <c r="H12" s="595">
        <v>172</v>
      </c>
      <c r="I12" s="294"/>
      <c r="J12" s="294"/>
      <c r="K12" s="294"/>
      <c r="L12" s="294">
        <v>4351</v>
      </c>
      <c r="M12" s="294"/>
      <c r="N12" s="294"/>
      <c r="O12" s="294"/>
      <c r="P12" s="294"/>
      <c r="Q12" s="293">
        <v>25.296511627906977</v>
      </c>
      <c r="R12" s="293"/>
      <c r="S12" s="293"/>
      <c r="T12" s="293"/>
      <c r="U12" s="302">
        <v>165</v>
      </c>
      <c r="V12" s="302"/>
      <c r="W12" s="302"/>
      <c r="X12" s="302"/>
      <c r="Y12" s="302">
        <v>4706</v>
      </c>
      <c r="Z12" s="302"/>
      <c r="AA12" s="302"/>
      <c r="AB12" s="302"/>
      <c r="AC12" s="302"/>
      <c r="AD12" s="285">
        <f t="shared" si="0"/>
        <v>28.52121212121212</v>
      </c>
      <c r="AE12" s="285"/>
      <c r="AF12" s="285"/>
      <c r="AG12" s="286"/>
      <c r="AH12" s="7"/>
      <c r="AI12" s="7"/>
      <c r="AJ12" s="7"/>
    </row>
    <row r="13" spans="1:36" s="1" customFormat="1" ht="30" customHeight="1">
      <c r="A13" s="596" t="s">
        <v>212</v>
      </c>
      <c r="B13" s="597"/>
      <c r="C13" s="597"/>
      <c r="D13" s="597"/>
      <c r="E13" s="597"/>
      <c r="F13" s="597"/>
      <c r="G13" s="598"/>
      <c r="H13" s="615" t="s">
        <v>152</v>
      </c>
      <c r="I13" s="616"/>
      <c r="J13" s="616"/>
      <c r="K13" s="616"/>
      <c r="L13" s="614" t="s">
        <v>152</v>
      </c>
      <c r="M13" s="614"/>
      <c r="N13" s="614"/>
      <c r="O13" s="614"/>
      <c r="P13" s="614"/>
      <c r="Q13" s="809" t="s">
        <v>152</v>
      </c>
      <c r="R13" s="809"/>
      <c r="S13" s="809"/>
      <c r="T13" s="809"/>
      <c r="U13" s="302">
        <v>3</v>
      </c>
      <c r="V13" s="302"/>
      <c r="W13" s="302"/>
      <c r="X13" s="302"/>
      <c r="Y13" s="810">
        <v>48</v>
      </c>
      <c r="Z13" s="810"/>
      <c r="AA13" s="810"/>
      <c r="AB13" s="810"/>
      <c r="AC13" s="810"/>
      <c r="AD13" s="285">
        <f t="shared" si="0"/>
        <v>16</v>
      </c>
      <c r="AE13" s="285"/>
      <c r="AF13" s="285"/>
      <c r="AG13" s="286"/>
      <c r="AH13" s="7"/>
      <c r="AI13" s="7"/>
      <c r="AJ13" s="7"/>
    </row>
    <row r="14" spans="1:36" s="1" customFormat="1" ht="30" customHeight="1">
      <c r="A14" s="599" t="s">
        <v>213</v>
      </c>
      <c r="B14" s="597"/>
      <c r="C14" s="597"/>
      <c r="D14" s="597"/>
      <c r="E14" s="597"/>
      <c r="F14" s="597"/>
      <c r="G14" s="598"/>
      <c r="H14" s="595">
        <v>22</v>
      </c>
      <c r="I14" s="294"/>
      <c r="J14" s="294"/>
      <c r="K14" s="294"/>
      <c r="L14" s="294">
        <v>79</v>
      </c>
      <c r="M14" s="294"/>
      <c r="N14" s="294"/>
      <c r="O14" s="294"/>
      <c r="P14" s="294"/>
      <c r="Q14" s="293">
        <v>3.5909090909090908</v>
      </c>
      <c r="R14" s="293"/>
      <c r="S14" s="293"/>
      <c r="T14" s="293"/>
      <c r="U14" s="302">
        <v>22</v>
      </c>
      <c r="V14" s="302"/>
      <c r="W14" s="302"/>
      <c r="X14" s="302"/>
      <c r="Y14" s="302">
        <v>231</v>
      </c>
      <c r="Z14" s="302"/>
      <c r="AA14" s="302"/>
      <c r="AB14" s="302"/>
      <c r="AC14" s="302"/>
      <c r="AD14" s="285">
        <f t="shared" ref="AD14:AD23" si="1">Y14/U14</f>
        <v>10.5</v>
      </c>
      <c r="AE14" s="285"/>
      <c r="AF14" s="285"/>
      <c r="AG14" s="286"/>
      <c r="AH14" s="7"/>
      <c r="AI14" s="7"/>
      <c r="AJ14" s="7"/>
    </row>
    <row r="15" spans="1:36" s="1" customFormat="1" ht="30" customHeight="1">
      <c r="A15" s="599" t="s">
        <v>292</v>
      </c>
      <c r="B15" s="597"/>
      <c r="C15" s="597"/>
      <c r="D15" s="597"/>
      <c r="E15" s="597"/>
      <c r="F15" s="597"/>
      <c r="G15" s="598"/>
      <c r="H15" s="595">
        <v>53</v>
      </c>
      <c r="I15" s="294"/>
      <c r="J15" s="294"/>
      <c r="K15" s="294"/>
      <c r="L15" s="294">
        <v>2091</v>
      </c>
      <c r="M15" s="294"/>
      <c r="N15" s="294"/>
      <c r="O15" s="294"/>
      <c r="P15" s="294"/>
      <c r="Q15" s="293">
        <v>39.452830188679243</v>
      </c>
      <c r="R15" s="293"/>
      <c r="S15" s="293"/>
      <c r="T15" s="293"/>
      <c r="U15" s="302">
        <v>57</v>
      </c>
      <c r="V15" s="302"/>
      <c r="W15" s="302"/>
      <c r="X15" s="302"/>
      <c r="Y15" s="302">
        <v>2154</v>
      </c>
      <c r="Z15" s="302"/>
      <c r="AA15" s="302"/>
      <c r="AB15" s="302"/>
      <c r="AC15" s="302"/>
      <c r="AD15" s="285">
        <f t="shared" si="1"/>
        <v>37.789473684210527</v>
      </c>
      <c r="AE15" s="285"/>
      <c r="AF15" s="285"/>
      <c r="AG15" s="286"/>
      <c r="AH15" s="7"/>
      <c r="AI15" s="7"/>
      <c r="AJ15" s="7"/>
    </row>
    <row r="16" spans="1:36" s="1" customFormat="1" ht="30" customHeight="1">
      <c r="A16" s="599" t="s">
        <v>293</v>
      </c>
      <c r="B16" s="597"/>
      <c r="C16" s="597"/>
      <c r="D16" s="597"/>
      <c r="E16" s="597"/>
      <c r="F16" s="597"/>
      <c r="G16" s="598"/>
      <c r="H16" s="595">
        <v>402</v>
      </c>
      <c r="I16" s="294"/>
      <c r="J16" s="294"/>
      <c r="K16" s="294"/>
      <c r="L16" s="294">
        <v>4089</v>
      </c>
      <c r="M16" s="294"/>
      <c r="N16" s="294"/>
      <c r="O16" s="294"/>
      <c r="P16" s="294"/>
      <c r="Q16" s="293">
        <v>10.171641791044776</v>
      </c>
      <c r="R16" s="293"/>
      <c r="S16" s="293"/>
      <c r="T16" s="293"/>
      <c r="U16" s="302">
        <v>388</v>
      </c>
      <c r="V16" s="302"/>
      <c r="W16" s="302"/>
      <c r="X16" s="302"/>
      <c r="Y16" s="302">
        <v>4007</v>
      </c>
      <c r="Z16" s="302"/>
      <c r="AA16" s="302"/>
      <c r="AB16" s="302"/>
      <c r="AC16" s="302"/>
      <c r="AD16" s="285">
        <f t="shared" si="1"/>
        <v>10.327319587628866</v>
      </c>
      <c r="AE16" s="285"/>
      <c r="AF16" s="285"/>
      <c r="AG16" s="286"/>
      <c r="AH16" s="7"/>
      <c r="AI16" s="7"/>
      <c r="AJ16" s="7"/>
    </row>
    <row r="17" spans="1:36" s="1" customFormat="1" ht="30" customHeight="1">
      <c r="A17" s="599" t="s">
        <v>294</v>
      </c>
      <c r="B17" s="597"/>
      <c r="C17" s="597"/>
      <c r="D17" s="597"/>
      <c r="E17" s="597"/>
      <c r="F17" s="597"/>
      <c r="G17" s="598"/>
      <c r="H17" s="595">
        <v>30</v>
      </c>
      <c r="I17" s="294"/>
      <c r="J17" s="294"/>
      <c r="K17" s="294"/>
      <c r="L17" s="294">
        <v>366</v>
      </c>
      <c r="M17" s="294"/>
      <c r="N17" s="294"/>
      <c r="O17" s="294"/>
      <c r="P17" s="294"/>
      <c r="Q17" s="293">
        <v>12.2</v>
      </c>
      <c r="R17" s="293"/>
      <c r="S17" s="293"/>
      <c r="T17" s="293"/>
      <c r="U17" s="302">
        <v>29</v>
      </c>
      <c r="V17" s="302"/>
      <c r="W17" s="302"/>
      <c r="X17" s="302"/>
      <c r="Y17" s="302">
        <v>318</v>
      </c>
      <c r="Z17" s="302"/>
      <c r="AA17" s="302"/>
      <c r="AB17" s="302"/>
      <c r="AC17" s="302"/>
      <c r="AD17" s="285">
        <f t="shared" si="1"/>
        <v>10.96551724137931</v>
      </c>
      <c r="AE17" s="285"/>
      <c r="AF17" s="285"/>
      <c r="AG17" s="286"/>
      <c r="AH17" s="7"/>
      <c r="AI17" s="7"/>
      <c r="AJ17" s="7"/>
    </row>
    <row r="18" spans="1:36" s="1" customFormat="1" ht="30" customHeight="1">
      <c r="A18" s="596" t="s">
        <v>295</v>
      </c>
      <c r="B18" s="597"/>
      <c r="C18" s="597"/>
      <c r="D18" s="597"/>
      <c r="E18" s="597"/>
      <c r="F18" s="597"/>
      <c r="G18" s="598"/>
      <c r="H18" s="595">
        <v>213</v>
      </c>
      <c r="I18" s="294"/>
      <c r="J18" s="294"/>
      <c r="K18" s="294"/>
      <c r="L18" s="294">
        <v>686</v>
      </c>
      <c r="M18" s="294"/>
      <c r="N18" s="294"/>
      <c r="O18" s="294"/>
      <c r="P18" s="294"/>
      <c r="Q18" s="293">
        <v>3.220657276995305</v>
      </c>
      <c r="R18" s="293"/>
      <c r="S18" s="293"/>
      <c r="T18" s="293"/>
      <c r="U18" s="302">
        <v>185</v>
      </c>
      <c r="V18" s="302"/>
      <c r="W18" s="302"/>
      <c r="X18" s="302"/>
      <c r="Y18" s="302">
        <v>553</v>
      </c>
      <c r="Z18" s="302"/>
      <c r="AA18" s="302"/>
      <c r="AB18" s="302"/>
      <c r="AC18" s="302"/>
      <c r="AD18" s="285">
        <f t="shared" si="1"/>
        <v>2.9891891891891893</v>
      </c>
      <c r="AE18" s="285"/>
      <c r="AF18" s="285"/>
      <c r="AG18" s="286"/>
      <c r="AH18" s="7"/>
      <c r="AI18" s="7"/>
      <c r="AJ18" s="7"/>
    </row>
    <row r="19" spans="1:36" s="1" customFormat="1" ht="30" customHeight="1">
      <c r="A19" s="599" t="s">
        <v>303</v>
      </c>
      <c r="B19" s="597"/>
      <c r="C19" s="597"/>
      <c r="D19" s="597"/>
      <c r="E19" s="597"/>
      <c r="F19" s="597"/>
      <c r="G19" s="598"/>
      <c r="H19" s="595">
        <v>75</v>
      </c>
      <c r="I19" s="294"/>
      <c r="J19" s="294"/>
      <c r="K19" s="294"/>
      <c r="L19" s="294">
        <v>338</v>
      </c>
      <c r="M19" s="294"/>
      <c r="N19" s="294"/>
      <c r="O19" s="294"/>
      <c r="P19" s="294"/>
      <c r="Q19" s="293">
        <v>4.5066666666666668</v>
      </c>
      <c r="R19" s="293"/>
      <c r="S19" s="293"/>
      <c r="T19" s="293"/>
      <c r="U19" s="302">
        <v>91</v>
      </c>
      <c r="V19" s="302"/>
      <c r="W19" s="302"/>
      <c r="X19" s="302"/>
      <c r="Y19" s="302">
        <v>462</v>
      </c>
      <c r="Z19" s="302"/>
      <c r="AA19" s="302"/>
      <c r="AB19" s="302"/>
      <c r="AC19" s="302"/>
      <c r="AD19" s="285">
        <f t="shared" si="1"/>
        <v>5.0769230769230766</v>
      </c>
      <c r="AE19" s="285"/>
      <c r="AF19" s="285"/>
      <c r="AG19" s="286"/>
      <c r="AH19" s="7"/>
      <c r="AI19" s="7"/>
      <c r="AJ19" s="7"/>
    </row>
    <row r="20" spans="1:36" s="1" customFormat="1" ht="30" customHeight="1">
      <c r="A20" s="596" t="s">
        <v>296</v>
      </c>
      <c r="B20" s="597"/>
      <c r="C20" s="597"/>
      <c r="D20" s="597"/>
      <c r="E20" s="597"/>
      <c r="F20" s="597"/>
      <c r="G20" s="598"/>
      <c r="H20" s="595">
        <v>209</v>
      </c>
      <c r="I20" s="294"/>
      <c r="J20" s="294"/>
      <c r="K20" s="294"/>
      <c r="L20" s="294">
        <v>2250</v>
      </c>
      <c r="M20" s="294"/>
      <c r="N20" s="294"/>
      <c r="O20" s="294"/>
      <c r="P20" s="294"/>
      <c r="Q20" s="293">
        <v>10.76555023923445</v>
      </c>
      <c r="R20" s="293"/>
      <c r="S20" s="293"/>
      <c r="T20" s="293"/>
      <c r="U20" s="302">
        <v>191</v>
      </c>
      <c r="V20" s="302"/>
      <c r="W20" s="302"/>
      <c r="X20" s="302"/>
      <c r="Y20" s="302">
        <v>2078</v>
      </c>
      <c r="Z20" s="302"/>
      <c r="AA20" s="302"/>
      <c r="AB20" s="302"/>
      <c r="AC20" s="302"/>
      <c r="AD20" s="285">
        <f t="shared" si="1"/>
        <v>10.879581151832461</v>
      </c>
      <c r="AE20" s="285"/>
      <c r="AF20" s="285"/>
      <c r="AG20" s="286"/>
      <c r="AH20" s="7"/>
      <c r="AI20" s="7"/>
      <c r="AJ20" s="7"/>
    </row>
    <row r="21" spans="1:36" s="1" customFormat="1" ht="30" customHeight="1">
      <c r="A21" s="612" t="s">
        <v>297</v>
      </c>
      <c r="B21" s="607"/>
      <c r="C21" s="607"/>
      <c r="D21" s="607"/>
      <c r="E21" s="607"/>
      <c r="F21" s="607"/>
      <c r="G21" s="608"/>
      <c r="H21" s="595">
        <v>178</v>
      </c>
      <c r="I21" s="294"/>
      <c r="J21" s="294"/>
      <c r="K21" s="294"/>
      <c r="L21" s="294">
        <v>1065</v>
      </c>
      <c r="M21" s="294"/>
      <c r="N21" s="294"/>
      <c r="O21" s="294"/>
      <c r="P21" s="294"/>
      <c r="Q21" s="293">
        <v>5.9831460674157304</v>
      </c>
      <c r="R21" s="293"/>
      <c r="S21" s="293"/>
      <c r="T21" s="293"/>
      <c r="U21" s="302">
        <v>167</v>
      </c>
      <c r="V21" s="302"/>
      <c r="W21" s="302"/>
      <c r="X21" s="302"/>
      <c r="Y21" s="302">
        <v>1062</v>
      </c>
      <c r="Z21" s="302"/>
      <c r="AA21" s="302"/>
      <c r="AB21" s="302"/>
      <c r="AC21" s="302"/>
      <c r="AD21" s="285">
        <f t="shared" si="1"/>
        <v>6.3592814371257482</v>
      </c>
      <c r="AE21" s="285"/>
      <c r="AF21" s="285"/>
      <c r="AG21" s="286"/>
      <c r="AH21" s="7"/>
      <c r="AI21" s="7"/>
      <c r="AJ21" s="7"/>
    </row>
    <row r="22" spans="1:36" s="1" customFormat="1" ht="30" customHeight="1">
      <c r="A22" s="606" t="s">
        <v>299</v>
      </c>
      <c r="B22" s="607"/>
      <c r="C22" s="607"/>
      <c r="D22" s="607"/>
      <c r="E22" s="607"/>
      <c r="F22" s="607"/>
      <c r="G22" s="608"/>
      <c r="H22" s="595">
        <v>119</v>
      </c>
      <c r="I22" s="294"/>
      <c r="J22" s="294"/>
      <c r="K22" s="294"/>
      <c r="L22" s="294">
        <v>1848</v>
      </c>
      <c r="M22" s="294"/>
      <c r="N22" s="294"/>
      <c r="O22" s="294"/>
      <c r="P22" s="294"/>
      <c r="Q22" s="293">
        <v>15.529411764705882</v>
      </c>
      <c r="R22" s="293"/>
      <c r="S22" s="293"/>
      <c r="T22" s="293"/>
      <c r="U22" s="302">
        <v>129</v>
      </c>
      <c r="V22" s="302"/>
      <c r="W22" s="302"/>
      <c r="X22" s="302"/>
      <c r="Y22" s="302">
        <v>2655</v>
      </c>
      <c r="Z22" s="302"/>
      <c r="AA22" s="302"/>
      <c r="AB22" s="302"/>
      <c r="AC22" s="302"/>
      <c r="AD22" s="285">
        <f t="shared" si="1"/>
        <v>20.581395348837209</v>
      </c>
      <c r="AE22" s="285"/>
      <c r="AF22" s="285"/>
      <c r="AG22" s="286"/>
      <c r="AH22" s="7"/>
      <c r="AI22" s="7"/>
      <c r="AJ22" s="7"/>
    </row>
    <row r="23" spans="1:36" s="1" customFormat="1" ht="30" customHeight="1">
      <c r="A23" s="599" t="s">
        <v>298</v>
      </c>
      <c r="B23" s="597"/>
      <c r="C23" s="597"/>
      <c r="D23" s="597"/>
      <c r="E23" s="597"/>
      <c r="F23" s="597"/>
      <c r="G23" s="598"/>
      <c r="H23" s="595">
        <v>192</v>
      </c>
      <c r="I23" s="294"/>
      <c r="J23" s="294"/>
      <c r="K23" s="294"/>
      <c r="L23" s="294">
        <v>4052</v>
      </c>
      <c r="M23" s="294"/>
      <c r="N23" s="294"/>
      <c r="O23" s="294"/>
      <c r="P23" s="294"/>
      <c r="Q23" s="293">
        <v>21.104166666666668</v>
      </c>
      <c r="R23" s="293"/>
      <c r="S23" s="293"/>
      <c r="T23" s="293"/>
      <c r="U23" s="302">
        <v>225</v>
      </c>
      <c r="V23" s="302"/>
      <c r="W23" s="302"/>
      <c r="X23" s="302"/>
      <c r="Y23" s="302">
        <v>5084</v>
      </c>
      <c r="Z23" s="302"/>
      <c r="AA23" s="302"/>
      <c r="AB23" s="302"/>
      <c r="AC23" s="302"/>
      <c r="AD23" s="285">
        <f t="shared" si="1"/>
        <v>22.595555555555556</v>
      </c>
      <c r="AE23" s="285"/>
      <c r="AF23" s="285"/>
      <c r="AG23" s="286"/>
      <c r="AH23" s="7"/>
      <c r="AI23" s="7"/>
      <c r="AJ23" s="7"/>
    </row>
    <row r="24" spans="1:36" s="1" customFormat="1" ht="30" customHeight="1">
      <c r="A24" s="606" t="s">
        <v>182</v>
      </c>
      <c r="B24" s="607"/>
      <c r="C24" s="607"/>
      <c r="D24" s="607"/>
      <c r="E24" s="607"/>
      <c r="F24" s="607"/>
      <c r="G24" s="608"/>
      <c r="H24" s="595">
        <v>10</v>
      </c>
      <c r="I24" s="294"/>
      <c r="J24" s="294"/>
      <c r="K24" s="294"/>
      <c r="L24" s="294">
        <v>320</v>
      </c>
      <c r="M24" s="294"/>
      <c r="N24" s="294"/>
      <c r="O24" s="294"/>
      <c r="P24" s="294"/>
      <c r="Q24" s="293">
        <v>32</v>
      </c>
      <c r="R24" s="293"/>
      <c r="S24" s="293"/>
      <c r="T24" s="293"/>
      <c r="U24" s="302">
        <v>10</v>
      </c>
      <c r="V24" s="302"/>
      <c r="W24" s="302"/>
      <c r="X24" s="302"/>
      <c r="Y24" s="302">
        <v>280</v>
      </c>
      <c r="Z24" s="302"/>
      <c r="AA24" s="302"/>
      <c r="AB24" s="302"/>
      <c r="AC24" s="302"/>
      <c r="AD24" s="285">
        <f>Y24/U24</f>
        <v>28</v>
      </c>
      <c r="AE24" s="285"/>
      <c r="AF24" s="285"/>
      <c r="AG24" s="286"/>
      <c r="AH24" s="7"/>
      <c r="AI24" s="7"/>
      <c r="AJ24" s="7"/>
    </row>
    <row r="25" spans="1:36" s="1" customFormat="1" ht="30" customHeight="1">
      <c r="A25" s="596" t="s">
        <v>214</v>
      </c>
      <c r="B25" s="597"/>
      <c r="C25" s="597"/>
      <c r="D25" s="597"/>
      <c r="E25" s="597"/>
      <c r="F25" s="597"/>
      <c r="G25" s="598"/>
      <c r="H25" s="595">
        <v>136</v>
      </c>
      <c r="I25" s="294"/>
      <c r="J25" s="294"/>
      <c r="K25" s="294"/>
      <c r="L25" s="294">
        <v>1216</v>
      </c>
      <c r="M25" s="294"/>
      <c r="N25" s="294"/>
      <c r="O25" s="294"/>
      <c r="P25" s="294"/>
      <c r="Q25" s="293">
        <v>8.9411764705882355</v>
      </c>
      <c r="R25" s="293"/>
      <c r="S25" s="293"/>
      <c r="T25" s="293"/>
      <c r="U25" s="302">
        <v>180</v>
      </c>
      <c r="V25" s="302"/>
      <c r="W25" s="302"/>
      <c r="X25" s="302"/>
      <c r="Y25" s="302">
        <v>1422</v>
      </c>
      <c r="Z25" s="302"/>
      <c r="AA25" s="302"/>
      <c r="AB25" s="302"/>
      <c r="AC25" s="302"/>
      <c r="AD25" s="285">
        <f>Y25/U25</f>
        <v>7.9</v>
      </c>
      <c r="AE25" s="285"/>
      <c r="AF25" s="285"/>
      <c r="AG25" s="286"/>
      <c r="AH25" s="7"/>
      <c r="AI25" s="7"/>
      <c r="AJ25" s="7"/>
    </row>
    <row r="26" spans="1:36" s="1" customFormat="1" ht="30" customHeight="1">
      <c r="A26" s="288" t="s">
        <v>181</v>
      </c>
      <c r="B26" s="289"/>
      <c r="C26" s="289"/>
      <c r="D26" s="289"/>
      <c r="E26" s="289"/>
      <c r="F26" s="289"/>
      <c r="G26" s="290"/>
      <c r="H26" s="296" t="s">
        <v>152</v>
      </c>
      <c r="I26" s="291"/>
      <c r="J26" s="291"/>
      <c r="K26" s="291"/>
      <c r="L26" s="291" t="s">
        <v>152</v>
      </c>
      <c r="M26" s="291"/>
      <c r="N26" s="291"/>
      <c r="O26" s="291"/>
      <c r="P26" s="291"/>
      <c r="Q26" s="822" t="s">
        <v>152</v>
      </c>
      <c r="R26" s="822"/>
      <c r="S26" s="822"/>
      <c r="T26" s="822"/>
      <c r="U26" s="297">
        <v>21</v>
      </c>
      <c r="V26" s="297"/>
      <c r="W26" s="297"/>
      <c r="X26" s="297"/>
      <c r="Y26" s="297">
        <v>814</v>
      </c>
      <c r="Z26" s="297"/>
      <c r="AA26" s="297"/>
      <c r="AB26" s="297"/>
      <c r="AC26" s="297"/>
      <c r="AD26" s="297">
        <f>Y26/U26</f>
        <v>38.761904761904759</v>
      </c>
      <c r="AE26" s="297"/>
      <c r="AF26" s="297"/>
      <c r="AG26" s="298"/>
      <c r="AH26" s="7"/>
      <c r="AI26" s="7"/>
      <c r="AJ26" s="7"/>
    </row>
    <row r="27" spans="1:36" s="2" customFormat="1" ht="12">
      <c r="A27" s="8"/>
      <c r="B27" s="9"/>
      <c r="C27" s="9"/>
      <c r="D27" s="9"/>
      <c r="E27" s="9"/>
      <c r="F27" s="9"/>
      <c r="G27" s="9"/>
      <c r="H27" s="10"/>
      <c r="I27" s="10"/>
      <c r="J27" s="10"/>
      <c r="K27" s="10"/>
      <c r="L27" s="10"/>
      <c r="M27" s="10"/>
      <c r="N27" s="10"/>
      <c r="O27" s="11"/>
      <c r="P27" s="11"/>
      <c r="Q27" s="11"/>
      <c r="R27" s="11"/>
      <c r="T27" s="12"/>
      <c r="U27" s="12"/>
      <c r="V27" s="12"/>
      <c r="W27" s="12"/>
      <c r="X27" s="12"/>
      <c r="Y27" s="12"/>
      <c r="Z27" s="12"/>
      <c r="AA27" s="12"/>
      <c r="AB27" s="12"/>
      <c r="AC27" s="12"/>
      <c r="AD27" s="12"/>
      <c r="AE27" s="12"/>
      <c r="AF27" s="12"/>
      <c r="AG27" s="12" t="s">
        <v>346</v>
      </c>
      <c r="AH27" s="12"/>
      <c r="AI27" s="12"/>
      <c r="AJ27" s="12"/>
    </row>
    <row r="28" spans="1:36" s="1" customFormat="1" ht="12" customHeight="1">
      <c r="A28" s="8"/>
      <c r="B28" s="24"/>
      <c r="C28" s="24"/>
      <c r="D28" s="24"/>
      <c r="E28" s="24"/>
      <c r="F28" s="24"/>
      <c r="G28" s="24"/>
      <c r="H28" s="22"/>
      <c r="I28" s="22"/>
      <c r="J28" s="22"/>
      <c r="K28" s="22"/>
      <c r="L28" s="19"/>
      <c r="M28" s="19"/>
      <c r="N28" s="19"/>
      <c r="O28" s="19"/>
      <c r="P28" s="19"/>
      <c r="Q28" s="23"/>
      <c r="R28" s="23"/>
      <c r="S28" s="23"/>
      <c r="T28" s="23"/>
      <c r="U28" s="19"/>
      <c r="V28" s="19"/>
      <c r="W28" s="19"/>
      <c r="X28" s="19"/>
      <c r="Y28" s="19"/>
      <c r="Z28" s="19"/>
      <c r="AA28" s="19"/>
      <c r="AB28" s="19"/>
      <c r="AC28" s="19"/>
      <c r="AD28" s="23"/>
      <c r="AE28" s="23"/>
      <c r="AF28" s="23"/>
      <c r="AG28" s="23"/>
      <c r="AH28" s="7"/>
      <c r="AI28" s="7"/>
      <c r="AJ28" s="7"/>
    </row>
    <row r="29" spans="1:36" s="1" customFormat="1" ht="12" customHeight="1">
      <c r="A29" s="8"/>
      <c r="B29" s="24"/>
      <c r="C29" s="24"/>
      <c r="D29" s="24"/>
      <c r="E29" s="24"/>
      <c r="F29" s="24"/>
      <c r="G29" s="24"/>
      <c r="H29" s="22"/>
      <c r="I29" s="22"/>
      <c r="J29" s="22"/>
      <c r="K29" s="22"/>
      <c r="L29" s="19"/>
      <c r="M29" s="19"/>
      <c r="N29" s="19"/>
      <c r="O29" s="19"/>
      <c r="P29" s="19"/>
      <c r="Q29" s="23"/>
      <c r="R29" s="23"/>
      <c r="S29" s="23"/>
      <c r="T29" s="23"/>
      <c r="U29" s="19"/>
      <c r="V29" s="19"/>
      <c r="W29" s="19"/>
      <c r="X29" s="19"/>
      <c r="Y29" s="19"/>
      <c r="Z29" s="19"/>
      <c r="AA29" s="19"/>
      <c r="AB29" s="19"/>
      <c r="AC29" s="19"/>
      <c r="AD29" s="23"/>
      <c r="AE29" s="23"/>
      <c r="AF29" s="23"/>
      <c r="AG29" s="23"/>
      <c r="AH29" s="7"/>
      <c r="AI29" s="7"/>
      <c r="AJ29" s="7"/>
    </row>
    <row r="30" spans="1:36" s="2" customFormat="1" ht="13.5" customHeight="1">
      <c r="B30" s="9"/>
      <c r="C30" s="9"/>
      <c r="D30" s="9"/>
      <c r="E30" s="9"/>
      <c r="F30" s="9"/>
      <c r="G30" s="10"/>
      <c r="H30" s="10"/>
      <c r="I30" s="10"/>
      <c r="J30" s="10"/>
      <c r="K30" s="10"/>
    </row>
    <row r="31" spans="1:36" s="1" customFormat="1" ht="20.100000000000001" customHeight="1">
      <c r="A31" s="114" t="s">
        <v>42</v>
      </c>
      <c r="B31" s="18"/>
      <c r="C31" s="18"/>
      <c r="D31" s="18"/>
      <c r="E31" s="18"/>
      <c r="F31" s="18"/>
      <c r="G31" s="18"/>
      <c r="H31" s="18"/>
      <c r="I31" s="18"/>
      <c r="J31" s="18"/>
      <c r="K31" s="18"/>
      <c r="L31" s="18"/>
      <c r="M31" s="18"/>
      <c r="N31" s="18"/>
      <c r="O31" s="18"/>
      <c r="P31" s="18"/>
      <c r="Q31" s="18"/>
      <c r="R31" s="18"/>
      <c r="S31" s="18"/>
      <c r="T31" s="18"/>
      <c r="U31" s="18"/>
      <c r="V31" s="18"/>
      <c r="W31" s="18"/>
      <c r="X31" s="18"/>
      <c r="Y31" s="18"/>
      <c r="Z31" s="18"/>
      <c r="AA31" s="18"/>
      <c r="AB31" s="18"/>
      <c r="AC31" s="18"/>
      <c r="AD31" s="18"/>
      <c r="AE31" s="18"/>
      <c r="AF31" s="18"/>
      <c r="AG31" s="18"/>
    </row>
    <row r="32" spans="1:36" s="1" customFormat="1" ht="15.95" customHeight="1">
      <c r="A32" s="20"/>
      <c r="B32" s="1" t="s">
        <v>415</v>
      </c>
      <c r="C32" s="18"/>
      <c r="D32" s="18"/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8"/>
      <c r="P32" s="18"/>
      <c r="Q32" s="18"/>
      <c r="R32" s="18"/>
      <c r="S32" s="18"/>
      <c r="T32" s="18"/>
      <c r="U32" s="18"/>
      <c r="V32" s="18"/>
      <c r="W32" s="18"/>
      <c r="X32" s="18"/>
      <c r="Y32" s="18"/>
      <c r="Z32" s="18"/>
      <c r="AA32" s="18"/>
      <c r="AB32" s="18"/>
      <c r="AC32" s="18"/>
      <c r="AD32" s="18"/>
      <c r="AE32" s="18"/>
      <c r="AF32" s="18"/>
      <c r="AG32" s="18"/>
      <c r="AH32" s="2"/>
    </row>
    <row r="33" spans="1:39" s="1" customFormat="1" ht="15.95" customHeight="1">
      <c r="A33" s="14" t="s">
        <v>43</v>
      </c>
      <c r="C33" s="18"/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8"/>
      <c r="P33" s="18"/>
      <c r="Q33" s="18"/>
      <c r="R33" s="18"/>
      <c r="S33" s="18"/>
      <c r="T33" s="18"/>
      <c r="U33" s="18"/>
      <c r="V33" s="18"/>
      <c r="W33" s="18"/>
      <c r="X33" s="18"/>
      <c r="Y33" s="18"/>
      <c r="Z33" s="18"/>
      <c r="AA33" s="18"/>
      <c r="AB33" s="18"/>
      <c r="AG33" s="13" t="s">
        <v>44</v>
      </c>
      <c r="AH33" s="2"/>
      <c r="AI33" s="2"/>
    </row>
    <row r="34" spans="1:39" s="1" customFormat="1" ht="20.100000000000001" customHeight="1">
      <c r="A34" s="600" t="s">
        <v>38</v>
      </c>
      <c r="B34" s="601"/>
      <c r="C34" s="601"/>
      <c r="D34" s="601"/>
      <c r="E34" s="601"/>
      <c r="F34" s="601"/>
      <c r="G34" s="602"/>
      <c r="H34" s="253" t="s">
        <v>45</v>
      </c>
      <c r="I34" s="253"/>
      <c r="J34" s="253"/>
      <c r="K34" s="308" t="s">
        <v>46</v>
      </c>
      <c r="L34" s="308"/>
      <c r="M34" s="308"/>
      <c r="N34" s="308"/>
      <c r="O34" s="308" t="s">
        <v>47</v>
      </c>
      <c r="P34" s="308"/>
      <c r="Q34" s="308"/>
      <c r="R34" s="308"/>
      <c r="S34" s="308" t="s">
        <v>48</v>
      </c>
      <c r="T34" s="308"/>
      <c r="U34" s="308"/>
      <c r="V34" s="308"/>
      <c r="W34" s="308" t="s">
        <v>49</v>
      </c>
      <c r="X34" s="308"/>
      <c r="Y34" s="308"/>
      <c r="Z34" s="308"/>
      <c r="AA34" s="308" t="s">
        <v>285</v>
      </c>
      <c r="AB34" s="308"/>
      <c r="AC34" s="308"/>
      <c r="AD34" s="308"/>
      <c r="AE34" s="321" t="s">
        <v>289</v>
      </c>
      <c r="AF34" s="321"/>
      <c r="AG34" s="322"/>
      <c r="AH34" s="319"/>
      <c r="AI34" s="320"/>
      <c r="AJ34" s="320"/>
      <c r="AK34" s="320"/>
      <c r="AL34" s="2"/>
      <c r="AM34" s="2"/>
    </row>
    <row r="35" spans="1:39" s="1" customFormat="1" ht="20.100000000000001" customHeight="1">
      <c r="A35" s="123"/>
      <c r="B35" s="124"/>
      <c r="C35" s="124"/>
      <c r="D35" s="124"/>
      <c r="E35" s="124"/>
      <c r="F35" s="124"/>
      <c r="G35" s="125"/>
      <c r="H35" s="256"/>
      <c r="I35" s="256"/>
      <c r="J35" s="256"/>
      <c r="K35" s="309"/>
      <c r="L35" s="309"/>
      <c r="M35" s="309"/>
      <c r="N35" s="309"/>
      <c r="O35" s="309"/>
      <c r="P35" s="309"/>
      <c r="Q35" s="309"/>
      <c r="R35" s="309"/>
      <c r="S35" s="309"/>
      <c r="T35" s="309"/>
      <c r="U35" s="309"/>
      <c r="V35" s="309"/>
      <c r="W35" s="309"/>
      <c r="X35" s="309"/>
      <c r="Y35" s="309"/>
      <c r="Z35" s="309"/>
      <c r="AA35" s="309"/>
      <c r="AB35" s="309"/>
      <c r="AC35" s="309"/>
      <c r="AD35" s="309"/>
      <c r="AE35" s="323"/>
      <c r="AF35" s="323"/>
      <c r="AG35" s="324"/>
      <c r="AH35" s="319"/>
      <c r="AI35" s="320"/>
      <c r="AJ35" s="320"/>
      <c r="AK35" s="320"/>
      <c r="AL35" s="2"/>
      <c r="AM35" s="2"/>
    </row>
    <row r="36" spans="1:39" s="1" customFormat="1" ht="20.100000000000001" customHeight="1">
      <c r="A36" s="157" t="s">
        <v>215</v>
      </c>
      <c r="B36" s="158"/>
      <c r="C36" s="158"/>
      <c r="D36" s="158"/>
      <c r="E36" s="158"/>
      <c r="F36" s="158"/>
      <c r="G36" s="159"/>
      <c r="H36" s="234"/>
      <c r="I36" s="234"/>
      <c r="J36" s="234"/>
      <c r="K36" s="310"/>
      <c r="L36" s="310"/>
      <c r="M36" s="310"/>
      <c r="N36" s="310"/>
      <c r="O36" s="310"/>
      <c r="P36" s="310"/>
      <c r="Q36" s="310"/>
      <c r="R36" s="310"/>
      <c r="S36" s="310"/>
      <c r="T36" s="310"/>
      <c r="U36" s="310"/>
      <c r="V36" s="310"/>
      <c r="W36" s="310"/>
      <c r="X36" s="310"/>
      <c r="Y36" s="310"/>
      <c r="Z36" s="310"/>
      <c r="AA36" s="310"/>
      <c r="AB36" s="310"/>
      <c r="AC36" s="310"/>
      <c r="AD36" s="310"/>
      <c r="AE36" s="325"/>
      <c r="AF36" s="325"/>
      <c r="AG36" s="326"/>
      <c r="AH36" s="319"/>
      <c r="AI36" s="320"/>
      <c r="AJ36" s="320"/>
      <c r="AK36" s="320"/>
      <c r="AL36" s="2"/>
      <c r="AM36" s="2"/>
    </row>
    <row r="37" spans="1:39" s="1" customFormat="1" ht="33" customHeight="1">
      <c r="A37" s="603" t="s">
        <v>326</v>
      </c>
      <c r="B37" s="604"/>
      <c r="C37" s="604"/>
      <c r="D37" s="604"/>
      <c r="E37" s="604"/>
      <c r="F37" s="604"/>
      <c r="G37" s="605"/>
      <c r="H37" s="330">
        <v>2007</v>
      </c>
      <c r="I37" s="330"/>
      <c r="J37" s="330"/>
      <c r="K37" s="292">
        <v>1049</v>
      </c>
      <c r="L37" s="292"/>
      <c r="M37" s="292"/>
      <c r="N37" s="292"/>
      <c r="O37" s="292">
        <v>395</v>
      </c>
      <c r="P37" s="292"/>
      <c r="Q37" s="292"/>
      <c r="R37" s="292"/>
      <c r="S37" s="292">
        <v>264</v>
      </c>
      <c r="T37" s="292"/>
      <c r="U37" s="292"/>
      <c r="V37" s="292"/>
      <c r="W37" s="292">
        <v>114</v>
      </c>
      <c r="X37" s="292"/>
      <c r="Y37" s="292"/>
      <c r="Z37" s="292"/>
      <c r="AA37" s="292">
        <v>170</v>
      </c>
      <c r="AB37" s="292"/>
      <c r="AC37" s="292"/>
      <c r="AD37" s="292"/>
      <c r="AE37" s="292">
        <v>15</v>
      </c>
      <c r="AF37" s="292"/>
      <c r="AG37" s="328"/>
      <c r="AH37" s="51"/>
      <c r="AI37" s="330"/>
      <c r="AJ37" s="330"/>
      <c r="AK37" s="330"/>
      <c r="AL37" s="2"/>
      <c r="AM37" s="2"/>
    </row>
    <row r="38" spans="1:39" s="3" customFormat="1" ht="33" customHeight="1">
      <c r="A38" s="596" t="s">
        <v>209</v>
      </c>
      <c r="B38" s="610"/>
      <c r="C38" s="610"/>
      <c r="D38" s="610"/>
      <c r="E38" s="610"/>
      <c r="F38" s="610"/>
      <c r="G38" s="611"/>
      <c r="H38" s="609">
        <v>6</v>
      </c>
      <c r="I38" s="287"/>
      <c r="J38" s="287"/>
      <c r="K38" s="287">
        <v>4</v>
      </c>
      <c r="L38" s="287"/>
      <c r="M38" s="287"/>
      <c r="N38" s="287"/>
      <c r="O38" s="287">
        <v>2</v>
      </c>
      <c r="P38" s="287"/>
      <c r="Q38" s="287"/>
      <c r="R38" s="287"/>
      <c r="S38" s="295" t="s">
        <v>413</v>
      </c>
      <c r="T38" s="295"/>
      <c r="U38" s="295"/>
      <c r="V38" s="295"/>
      <c r="W38" s="295" t="s">
        <v>417</v>
      </c>
      <c r="X38" s="295"/>
      <c r="Y38" s="295"/>
      <c r="Z38" s="295"/>
      <c r="AA38" s="295" t="s">
        <v>413</v>
      </c>
      <c r="AB38" s="295"/>
      <c r="AC38" s="295"/>
      <c r="AD38" s="295"/>
      <c r="AE38" s="295" t="s">
        <v>417</v>
      </c>
      <c r="AF38" s="295"/>
      <c r="AG38" s="329"/>
      <c r="AH38" s="2"/>
      <c r="AI38" s="306"/>
      <c r="AJ38" s="306"/>
      <c r="AK38" s="306"/>
      <c r="AL38" s="2"/>
      <c r="AM38" s="2"/>
    </row>
    <row r="39" spans="1:39" s="3" customFormat="1" ht="33" customHeight="1">
      <c r="A39" s="596" t="s">
        <v>327</v>
      </c>
      <c r="B39" s="610"/>
      <c r="C39" s="610"/>
      <c r="D39" s="610"/>
      <c r="E39" s="610"/>
      <c r="F39" s="610"/>
      <c r="G39" s="611"/>
      <c r="H39" s="807" t="s">
        <v>413</v>
      </c>
      <c r="I39" s="295"/>
      <c r="J39" s="295"/>
      <c r="K39" s="295" t="s">
        <v>416</v>
      </c>
      <c r="L39" s="295"/>
      <c r="M39" s="295"/>
      <c r="N39" s="295"/>
      <c r="O39" s="295" t="s">
        <v>413</v>
      </c>
      <c r="P39" s="295"/>
      <c r="Q39" s="295"/>
      <c r="R39" s="295"/>
      <c r="S39" s="295" t="s">
        <v>413</v>
      </c>
      <c r="T39" s="295"/>
      <c r="U39" s="295"/>
      <c r="V39" s="295"/>
      <c r="W39" s="295" t="s">
        <v>413</v>
      </c>
      <c r="X39" s="295"/>
      <c r="Y39" s="295"/>
      <c r="Z39" s="295"/>
      <c r="AA39" s="295" t="s">
        <v>416</v>
      </c>
      <c r="AB39" s="295"/>
      <c r="AC39" s="295"/>
      <c r="AD39" s="295"/>
      <c r="AE39" s="295" t="s">
        <v>413</v>
      </c>
      <c r="AF39" s="295"/>
      <c r="AG39" s="329"/>
      <c r="AH39" s="2"/>
      <c r="AI39" s="306"/>
      <c r="AJ39" s="306"/>
      <c r="AK39" s="306"/>
      <c r="AL39" s="2"/>
      <c r="AM39" s="2"/>
    </row>
    <row r="40" spans="1:39" s="3" customFormat="1" ht="33" customHeight="1">
      <c r="A40" s="596" t="s">
        <v>210</v>
      </c>
      <c r="B40" s="610"/>
      <c r="C40" s="610"/>
      <c r="D40" s="610"/>
      <c r="E40" s="610"/>
      <c r="F40" s="610"/>
      <c r="G40" s="611"/>
      <c r="H40" s="609">
        <v>138</v>
      </c>
      <c r="I40" s="287"/>
      <c r="J40" s="287"/>
      <c r="K40" s="287">
        <v>78</v>
      </c>
      <c r="L40" s="287"/>
      <c r="M40" s="287"/>
      <c r="N40" s="287"/>
      <c r="O40" s="287">
        <v>37</v>
      </c>
      <c r="P40" s="287"/>
      <c r="Q40" s="287"/>
      <c r="R40" s="287"/>
      <c r="S40" s="287">
        <v>17</v>
      </c>
      <c r="T40" s="287"/>
      <c r="U40" s="287"/>
      <c r="V40" s="287"/>
      <c r="W40" s="287">
        <v>2</v>
      </c>
      <c r="X40" s="287"/>
      <c r="Y40" s="287"/>
      <c r="Z40" s="287"/>
      <c r="AA40" s="287">
        <v>4</v>
      </c>
      <c r="AB40" s="287"/>
      <c r="AC40" s="287"/>
      <c r="AD40" s="287"/>
      <c r="AE40" s="306" t="s">
        <v>413</v>
      </c>
      <c r="AF40" s="306"/>
      <c r="AG40" s="617"/>
      <c r="AH40" s="2"/>
      <c r="AI40" s="306"/>
      <c r="AJ40" s="306"/>
      <c r="AK40" s="306"/>
      <c r="AL40" s="2"/>
      <c r="AM40" s="2"/>
    </row>
    <row r="41" spans="1:39" s="3" customFormat="1" ht="33" customHeight="1">
      <c r="A41" s="596" t="s">
        <v>211</v>
      </c>
      <c r="B41" s="610"/>
      <c r="C41" s="610"/>
      <c r="D41" s="610"/>
      <c r="E41" s="610"/>
      <c r="F41" s="610"/>
      <c r="G41" s="611"/>
      <c r="H41" s="609">
        <v>165</v>
      </c>
      <c r="I41" s="287"/>
      <c r="J41" s="287"/>
      <c r="K41" s="287">
        <v>66</v>
      </c>
      <c r="L41" s="287"/>
      <c r="M41" s="287"/>
      <c r="N41" s="287"/>
      <c r="O41" s="287">
        <v>33</v>
      </c>
      <c r="P41" s="287"/>
      <c r="Q41" s="287"/>
      <c r="R41" s="287"/>
      <c r="S41" s="287">
        <v>33</v>
      </c>
      <c r="T41" s="287"/>
      <c r="U41" s="287"/>
      <c r="V41" s="287"/>
      <c r="W41" s="287">
        <v>9</v>
      </c>
      <c r="X41" s="287"/>
      <c r="Y41" s="287"/>
      <c r="Z41" s="287"/>
      <c r="AA41" s="287">
        <v>24</v>
      </c>
      <c r="AB41" s="287"/>
      <c r="AC41" s="287"/>
      <c r="AD41" s="287"/>
      <c r="AE41" s="306" t="s">
        <v>413</v>
      </c>
      <c r="AF41" s="306"/>
      <c r="AG41" s="617"/>
      <c r="AH41" s="2"/>
      <c r="AI41" s="306"/>
      <c r="AJ41" s="306"/>
      <c r="AK41" s="306"/>
      <c r="AL41" s="2"/>
      <c r="AM41" s="2"/>
    </row>
    <row r="42" spans="1:39" s="3" customFormat="1" ht="35.25" customHeight="1">
      <c r="A42" s="596" t="s">
        <v>212</v>
      </c>
      <c r="B42" s="610"/>
      <c r="C42" s="610"/>
      <c r="D42" s="610"/>
      <c r="E42" s="610"/>
      <c r="F42" s="610"/>
      <c r="G42" s="611"/>
      <c r="H42" s="287">
        <v>3</v>
      </c>
      <c r="I42" s="287"/>
      <c r="J42" s="287"/>
      <c r="K42" s="287">
        <v>1</v>
      </c>
      <c r="L42" s="287"/>
      <c r="M42" s="287"/>
      <c r="N42" s="287"/>
      <c r="O42" s="306">
        <v>1</v>
      </c>
      <c r="P42" s="306"/>
      <c r="Q42" s="306"/>
      <c r="R42" s="306"/>
      <c r="S42" s="306" t="s">
        <v>416</v>
      </c>
      <c r="T42" s="306"/>
      <c r="U42" s="306"/>
      <c r="V42" s="306"/>
      <c r="W42" s="306" t="s">
        <v>414</v>
      </c>
      <c r="X42" s="306"/>
      <c r="Y42" s="306"/>
      <c r="Z42" s="306"/>
      <c r="AA42" s="307">
        <v>1</v>
      </c>
      <c r="AB42" s="307"/>
      <c r="AC42" s="307"/>
      <c r="AD42" s="307"/>
      <c r="AE42" s="306" t="s">
        <v>416</v>
      </c>
      <c r="AF42" s="306"/>
      <c r="AG42" s="617"/>
      <c r="AH42" s="2"/>
      <c r="AI42" s="306"/>
      <c r="AJ42" s="306"/>
      <c r="AK42" s="306"/>
      <c r="AL42" s="2"/>
      <c r="AM42" s="2"/>
    </row>
    <row r="43" spans="1:39" s="3" customFormat="1" ht="33" customHeight="1">
      <c r="A43" s="596" t="s">
        <v>213</v>
      </c>
      <c r="B43" s="610"/>
      <c r="C43" s="610"/>
      <c r="D43" s="610"/>
      <c r="E43" s="610"/>
      <c r="F43" s="610"/>
      <c r="G43" s="611"/>
      <c r="H43" s="609">
        <v>22</v>
      </c>
      <c r="I43" s="287"/>
      <c r="J43" s="287"/>
      <c r="K43" s="287">
        <v>14</v>
      </c>
      <c r="L43" s="287"/>
      <c r="M43" s="287"/>
      <c r="N43" s="287"/>
      <c r="O43" s="287">
        <v>5</v>
      </c>
      <c r="P43" s="287"/>
      <c r="Q43" s="287"/>
      <c r="R43" s="287"/>
      <c r="S43" s="806">
        <v>2</v>
      </c>
      <c r="T43" s="806"/>
      <c r="U43" s="806"/>
      <c r="V43" s="806"/>
      <c r="W43" s="306" t="s">
        <v>416</v>
      </c>
      <c r="X43" s="306"/>
      <c r="Y43" s="306"/>
      <c r="Z43" s="306"/>
      <c r="AA43" s="307">
        <v>1</v>
      </c>
      <c r="AB43" s="307"/>
      <c r="AC43" s="307"/>
      <c r="AD43" s="307"/>
      <c r="AE43" s="306" t="s">
        <v>414</v>
      </c>
      <c r="AF43" s="306"/>
      <c r="AG43" s="617"/>
      <c r="AH43" s="2"/>
      <c r="AI43" s="306"/>
      <c r="AJ43" s="306"/>
      <c r="AK43" s="306"/>
      <c r="AL43" s="2"/>
      <c r="AM43" s="2"/>
    </row>
    <row r="44" spans="1:39" s="3" customFormat="1" ht="33" customHeight="1">
      <c r="A44" s="596" t="s">
        <v>292</v>
      </c>
      <c r="B44" s="610"/>
      <c r="C44" s="610"/>
      <c r="D44" s="610"/>
      <c r="E44" s="610"/>
      <c r="F44" s="610"/>
      <c r="G44" s="611"/>
      <c r="H44" s="609">
        <v>57</v>
      </c>
      <c r="I44" s="287"/>
      <c r="J44" s="287"/>
      <c r="K44" s="287">
        <v>6</v>
      </c>
      <c r="L44" s="287"/>
      <c r="M44" s="287"/>
      <c r="N44" s="287"/>
      <c r="O44" s="287">
        <v>15</v>
      </c>
      <c r="P44" s="287"/>
      <c r="Q44" s="287"/>
      <c r="R44" s="287"/>
      <c r="S44" s="287">
        <v>7</v>
      </c>
      <c r="T44" s="287"/>
      <c r="U44" s="287"/>
      <c r="V44" s="287"/>
      <c r="W44" s="287">
        <v>4</v>
      </c>
      <c r="X44" s="287"/>
      <c r="Y44" s="287"/>
      <c r="Z44" s="287"/>
      <c r="AA44" s="287">
        <v>23</v>
      </c>
      <c r="AB44" s="287"/>
      <c r="AC44" s="287"/>
      <c r="AD44" s="287"/>
      <c r="AE44" s="287">
        <v>2</v>
      </c>
      <c r="AF44" s="287"/>
      <c r="AG44" s="327"/>
      <c r="AH44" s="2"/>
      <c r="AI44" s="306"/>
      <c r="AJ44" s="306"/>
      <c r="AK44" s="306"/>
      <c r="AL44" s="2"/>
      <c r="AM44" s="2"/>
    </row>
    <row r="45" spans="1:39" s="3" customFormat="1" ht="33" customHeight="1">
      <c r="A45" s="596" t="s">
        <v>293</v>
      </c>
      <c r="B45" s="610"/>
      <c r="C45" s="610"/>
      <c r="D45" s="610"/>
      <c r="E45" s="610"/>
      <c r="F45" s="610"/>
      <c r="G45" s="611"/>
      <c r="H45" s="609">
        <v>388</v>
      </c>
      <c r="I45" s="287"/>
      <c r="J45" s="287"/>
      <c r="K45" s="287">
        <v>208</v>
      </c>
      <c r="L45" s="287"/>
      <c r="M45" s="287"/>
      <c r="N45" s="287"/>
      <c r="O45" s="287">
        <v>72</v>
      </c>
      <c r="P45" s="287"/>
      <c r="Q45" s="287"/>
      <c r="R45" s="287"/>
      <c r="S45" s="287">
        <v>48</v>
      </c>
      <c r="T45" s="287"/>
      <c r="U45" s="287"/>
      <c r="V45" s="287"/>
      <c r="W45" s="287">
        <v>31</v>
      </c>
      <c r="X45" s="287"/>
      <c r="Y45" s="287"/>
      <c r="Z45" s="287"/>
      <c r="AA45" s="287">
        <v>25</v>
      </c>
      <c r="AB45" s="287"/>
      <c r="AC45" s="287"/>
      <c r="AD45" s="287"/>
      <c r="AE45" s="287">
        <v>4</v>
      </c>
      <c r="AF45" s="287"/>
      <c r="AG45" s="327"/>
      <c r="AH45" s="2"/>
      <c r="AI45" s="306"/>
      <c r="AJ45" s="306"/>
      <c r="AK45" s="306"/>
      <c r="AL45" s="2"/>
      <c r="AM45" s="2"/>
    </row>
    <row r="46" spans="1:39" s="3" customFormat="1" ht="33" customHeight="1">
      <c r="A46" s="596" t="s">
        <v>294</v>
      </c>
      <c r="B46" s="610"/>
      <c r="C46" s="610"/>
      <c r="D46" s="610"/>
      <c r="E46" s="610"/>
      <c r="F46" s="610"/>
      <c r="G46" s="611"/>
      <c r="H46" s="609">
        <v>29</v>
      </c>
      <c r="I46" s="287"/>
      <c r="J46" s="287"/>
      <c r="K46" s="287">
        <v>9</v>
      </c>
      <c r="L46" s="287"/>
      <c r="M46" s="287"/>
      <c r="N46" s="287"/>
      <c r="O46" s="287">
        <v>5</v>
      </c>
      <c r="P46" s="287"/>
      <c r="Q46" s="287"/>
      <c r="R46" s="287"/>
      <c r="S46" s="287">
        <v>10</v>
      </c>
      <c r="T46" s="287"/>
      <c r="U46" s="287"/>
      <c r="V46" s="287"/>
      <c r="W46" s="287">
        <v>3</v>
      </c>
      <c r="X46" s="287"/>
      <c r="Y46" s="287"/>
      <c r="Z46" s="287"/>
      <c r="AA46" s="287">
        <v>2</v>
      </c>
      <c r="AB46" s="287"/>
      <c r="AC46" s="287"/>
      <c r="AD46" s="287"/>
      <c r="AE46" s="359" t="s">
        <v>416</v>
      </c>
      <c r="AF46" s="359"/>
      <c r="AG46" s="360"/>
      <c r="AH46" s="2"/>
      <c r="AI46" s="306"/>
      <c r="AJ46" s="306"/>
      <c r="AK46" s="306"/>
      <c r="AL46" s="2"/>
      <c r="AM46" s="2"/>
    </row>
    <row r="47" spans="1:39" s="3" customFormat="1" ht="33" customHeight="1">
      <c r="A47" s="596" t="s">
        <v>295</v>
      </c>
      <c r="B47" s="610"/>
      <c r="C47" s="610"/>
      <c r="D47" s="610"/>
      <c r="E47" s="610"/>
      <c r="F47" s="610"/>
      <c r="G47" s="611"/>
      <c r="H47" s="609">
        <v>185</v>
      </c>
      <c r="I47" s="287"/>
      <c r="J47" s="287"/>
      <c r="K47" s="287">
        <v>160</v>
      </c>
      <c r="L47" s="287"/>
      <c r="M47" s="287"/>
      <c r="N47" s="287"/>
      <c r="O47" s="287">
        <v>13</v>
      </c>
      <c r="P47" s="287"/>
      <c r="Q47" s="287"/>
      <c r="R47" s="287"/>
      <c r="S47" s="287">
        <v>8</v>
      </c>
      <c r="T47" s="287"/>
      <c r="U47" s="287"/>
      <c r="V47" s="287"/>
      <c r="W47" s="287">
        <v>2</v>
      </c>
      <c r="X47" s="287"/>
      <c r="Y47" s="287"/>
      <c r="Z47" s="287"/>
      <c r="AA47" s="295" t="s">
        <v>414</v>
      </c>
      <c r="AB47" s="295"/>
      <c r="AC47" s="295"/>
      <c r="AD47" s="295"/>
      <c r="AE47" s="287">
        <v>2</v>
      </c>
      <c r="AF47" s="287"/>
      <c r="AG47" s="327"/>
      <c r="AH47" s="2"/>
      <c r="AI47" s="306"/>
      <c r="AJ47" s="306"/>
      <c r="AK47" s="306"/>
      <c r="AL47" s="2"/>
      <c r="AM47" s="2"/>
    </row>
    <row r="48" spans="1:39" s="3" customFormat="1" ht="33" customHeight="1">
      <c r="A48" s="596" t="s">
        <v>303</v>
      </c>
      <c r="B48" s="610"/>
      <c r="C48" s="610"/>
      <c r="D48" s="610"/>
      <c r="E48" s="610"/>
      <c r="F48" s="610"/>
      <c r="G48" s="611"/>
      <c r="H48" s="609">
        <v>91</v>
      </c>
      <c r="I48" s="287"/>
      <c r="J48" s="287"/>
      <c r="K48" s="287">
        <v>64</v>
      </c>
      <c r="L48" s="287"/>
      <c r="M48" s="287"/>
      <c r="N48" s="287"/>
      <c r="O48" s="287">
        <v>19</v>
      </c>
      <c r="P48" s="287"/>
      <c r="Q48" s="287"/>
      <c r="R48" s="287"/>
      <c r="S48" s="287">
        <v>6</v>
      </c>
      <c r="T48" s="287"/>
      <c r="U48" s="287"/>
      <c r="V48" s="287"/>
      <c r="W48" s="295" t="s">
        <v>418</v>
      </c>
      <c r="X48" s="295"/>
      <c r="Y48" s="295"/>
      <c r="Z48" s="295"/>
      <c r="AA48" s="287">
        <v>2</v>
      </c>
      <c r="AB48" s="287"/>
      <c r="AC48" s="287"/>
      <c r="AD48" s="287"/>
      <c r="AE48" s="295" t="s">
        <v>414</v>
      </c>
      <c r="AF48" s="295"/>
      <c r="AG48" s="329"/>
      <c r="AH48" s="2"/>
      <c r="AI48" s="306"/>
      <c r="AJ48" s="306"/>
      <c r="AK48" s="306"/>
      <c r="AL48" s="2"/>
      <c r="AM48" s="2"/>
    </row>
    <row r="49" spans="1:39" s="3" customFormat="1" ht="33" customHeight="1">
      <c r="A49" s="596" t="s">
        <v>296</v>
      </c>
      <c r="B49" s="610"/>
      <c r="C49" s="610"/>
      <c r="D49" s="610"/>
      <c r="E49" s="610"/>
      <c r="F49" s="610"/>
      <c r="G49" s="611"/>
      <c r="H49" s="609">
        <v>191</v>
      </c>
      <c r="I49" s="287"/>
      <c r="J49" s="287"/>
      <c r="K49" s="287">
        <v>79</v>
      </c>
      <c r="L49" s="287"/>
      <c r="M49" s="287"/>
      <c r="N49" s="287"/>
      <c r="O49" s="287">
        <v>40</v>
      </c>
      <c r="P49" s="287"/>
      <c r="Q49" s="287"/>
      <c r="R49" s="287"/>
      <c r="S49" s="287">
        <v>32</v>
      </c>
      <c r="T49" s="287"/>
      <c r="U49" s="287"/>
      <c r="V49" s="287"/>
      <c r="W49" s="287">
        <v>21</v>
      </c>
      <c r="X49" s="287"/>
      <c r="Y49" s="287"/>
      <c r="Z49" s="287"/>
      <c r="AA49" s="287">
        <v>17</v>
      </c>
      <c r="AB49" s="287"/>
      <c r="AC49" s="287"/>
      <c r="AD49" s="287"/>
      <c r="AE49" s="462">
        <v>2</v>
      </c>
      <c r="AF49" s="462"/>
      <c r="AG49" s="743"/>
      <c r="AH49" s="2"/>
      <c r="AI49" s="306"/>
      <c r="AJ49" s="306"/>
      <c r="AK49" s="306"/>
      <c r="AL49" s="2"/>
      <c r="AM49" s="2"/>
    </row>
    <row r="50" spans="1:39" s="3" customFormat="1" ht="33" customHeight="1">
      <c r="A50" s="596" t="s">
        <v>331</v>
      </c>
      <c r="B50" s="610"/>
      <c r="C50" s="610"/>
      <c r="D50" s="610"/>
      <c r="E50" s="610"/>
      <c r="F50" s="610"/>
      <c r="G50" s="611"/>
      <c r="H50" s="609">
        <v>167</v>
      </c>
      <c r="I50" s="287"/>
      <c r="J50" s="287"/>
      <c r="K50" s="287">
        <v>109</v>
      </c>
      <c r="L50" s="287"/>
      <c r="M50" s="287"/>
      <c r="N50" s="287"/>
      <c r="O50" s="287">
        <v>27</v>
      </c>
      <c r="P50" s="287"/>
      <c r="Q50" s="287"/>
      <c r="R50" s="287"/>
      <c r="S50" s="287">
        <v>22</v>
      </c>
      <c r="T50" s="287"/>
      <c r="U50" s="287"/>
      <c r="V50" s="287"/>
      <c r="W50" s="287">
        <v>4</v>
      </c>
      <c r="X50" s="287"/>
      <c r="Y50" s="287"/>
      <c r="Z50" s="287"/>
      <c r="AA50" s="287">
        <v>4</v>
      </c>
      <c r="AB50" s="287"/>
      <c r="AC50" s="287"/>
      <c r="AD50" s="287"/>
      <c r="AE50" s="462">
        <v>1</v>
      </c>
      <c r="AF50" s="462"/>
      <c r="AG50" s="743"/>
      <c r="AH50" s="2"/>
      <c r="AI50" s="306"/>
      <c r="AJ50" s="306"/>
      <c r="AK50" s="306"/>
      <c r="AL50" s="2"/>
      <c r="AM50" s="2"/>
    </row>
    <row r="51" spans="1:39" s="3" customFormat="1" ht="33" customHeight="1">
      <c r="A51" s="596" t="s">
        <v>299</v>
      </c>
      <c r="B51" s="610"/>
      <c r="C51" s="610"/>
      <c r="D51" s="610"/>
      <c r="E51" s="610"/>
      <c r="F51" s="610"/>
      <c r="G51" s="611"/>
      <c r="H51" s="609">
        <v>129</v>
      </c>
      <c r="I51" s="287"/>
      <c r="J51" s="287"/>
      <c r="K51" s="287">
        <v>50</v>
      </c>
      <c r="L51" s="287"/>
      <c r="M51" s="287"/>
      <c r="N51" s="287"/>
      <c r="O51" s="287">
        <v>22</v>
      </c>
      <c r="P51" s="287"/>
      <c r="Q51" s="287"/>
      <c r="R51" s="287"/>
      <c r="S51" s="287">
        <v>22</v>
      </c>
      <c r="T51" s="287"/>
      <c r="U51" s="287"/>
      <c r="V51" s="287"/>
      <c r="W51" s="287">
        <v>16</v>
      </c>
      <c r="X51" s="287"/>
      <c r="Y51" s="287"/>
      <c r="Z51" s="287"/>
      <c r="AA51" s="287">
        <v>17</v>
      </c>
      <c r="AB51" s="287"/>
      <c r="AC51" s="287"/>
      <c r="AD51" s="287"/>
      <c r="AE51" s="287">
        <v>2</v>
      </c>
      <c r="AF51" s="287"/>
      <c r="AG51" s="327"/>
      <c r="AH51" s="2"/>
      <c r="AI51" s="306"/>
      <c r="AJ51" s="306"/>
      <c r="AK51" s="306"/>
      <c r="AL51" s="2"/>
      <c r="AM51" s="2"/>
    </row>
    <row r="52" spans="1:39" s="3" customFormat="1" ht="33" customHeight="1">
      <c r="A52" s="596" t="s">
        <v>298</v>
      </c>
      <c r="B52" s="610"/>
      <c r="C52" s="610"/>
      <c r="D52" s="610"/>
      <c r="E52" s="610"/>
      <c r="F52" s="610"/>
      <c r="G52" s="611"/>
      <c r="H52" s="609">
        <v>225</v>
      </c>
      <c r="I52" s="287"/>
      <c r="J52" s="287"/>
      <c r="K52" s="287">
        <v>67</v>
      </c>
      <c r="L52" s="287"/>
      <c r="M52" s="287"/>
      <c r="N52" s="287"/>
      <c r="O52" s="287">
        <v>66</v>
      </c>
      <c r="P52" s="287"/>
      <c r="Q52" s="287"/>
      <c r="R52" s="287"/>
      <c r="S52" s="287">
        <v>43</v>
      </c>
      <c r="T52" s="287"/>
      <c r="U52" s="287"/>
      <c r="V52" s="287"/>
      <c r="W52" s="287">
        <v>15</v>
      </c>
      <c r="X52" s="287"/>
      <c r="Y52" s="287"/>
      <c r="Z52" s="287"/>
      <c r="AA52" s="287">
        <v>34</v>
      </c>
      <c r="AB52" s="287"/>
      <c r="AC52" s="287"/>
      <c r="AD52" s="287"/>
      <c r="AE52" s="295" t="s">
        <v>416</v>
      </c>
      <c r="AF52" s="295"/>
      <c r="AG52" s="329"/>
      <c r="AH52" s="2"/>
      <c r="AI52" s="306"/>
      <c r="AJ52" s="306"/>
      <c r="AK52" s="306"/>
      <c r="AL52" s="2"/>
      <c r="AM52" s="2"/>
    </row>
    <row r="53" spans="1:39" s="3" customFormat="1" ht="33" customHeight="1">
      <c r="A53" s="596" t="s">
        <v>182</v>
      </c>
      <c r="B53" s="610"/>
      <c r="C53" s="610"/>
      <c r="D53" s="610"/>
      <c r="E53" s="610"/>
      <c r="F53" s="610"/>
      <c r="G53" s="611"/>
      <c r="H53" s="287">
        <v>10</v>
      </c>
      <c r="I53" s="287"/>
      <c r="J53" s="287"/>
      <c r="K53" s="462">
        <v>3</v>
      </c>
      <c r="L53" s="462"/>
      <c r="M53" s="462"/>
      <c r="N53" s="462"/>
      <c r="O53" s="287">
        <v>4</v>
      </c>
      <c r="P53" s="287"/>
      <c r="Q53" s="287"/>
      <c r="R53" s="287"/>
      <c r="S53" s="295" t="s">
        <v>419</v>
      </c>
      <c r="T53" s="295"/>
      <c r="U53" s="295"/>
      <c r="V53" s="295"/>
      <c r="W53" s="307">
        <v>1</v>
      </c>
      <c r="X53" s="307"/>
      <c r="Y53" s="307"/>
      <c r="Z53" s="307"/>
      <c r="AA53" s="462">
        <v>2</v>
      </c>
      <c r="AB53" s="462"/>
      <c r="AC53" s="462"/>
      <c r="AD53" s="462"/>
      <c r="AE53" s="359" t="s">
        <v>414</v>
      </c>
      <c r="AF53" s="359"/>
      <c r="AG53" s="360"/>
      <c r="AH53" s="2"/>
      <c r="AI53" s="306"/>
      <c r="AJ53" s="306"/>
      <c r="AK53" s="306"/>
      <c r="AL53" s="2"/>
      <c r="AM53" s="2"/>
    </row>
    <row r="54" spans="1:39" s="3" customFormat="1" ht="36.75" customHeight="1">
      <c r="A54" s="596" t="s">
        <v>214</v>
      </c>
      <c r="B54" s="610"/>
      <c r="C54" s="610"/>
      <c r="D54" s="610"/>
      <c r="E54" s="610"/>
      <c r="F54" s="610"/>
      <c r="G54" s="611"/>
      <c r="H54" s="287">
        <v>180</v>
      </c>
      <c r="I54" s="287"/>
      <c r="J54" s="287"/>
      <c r="K54" s="287">
        <v>122</v>
      </c>
      <c r="L54" s="287"/>
      <c r="M54" s="287"/>
      <c r="N54" s="287"/>
      <c r="O54" s="287">
        <v>31</v>
      </c>
      <c r="P54" s="287"/>
      <c r="Q54" s="287"/>
      <c r="R54" s="287"/>
      <c r="S54" s="287">
        <v>12</v>
      </c>
      <c r="T54" s="287"/>
      <c r="U54" s="287"/>
      <c r="V54" s="287"/>
      <c r="W54" s="462">
        <v>4</v>
      </c>
      <c r="X54" s="462"/>
      <c r="Y54" s="462"/>
      <c r="Z54" s="462"/>
      <c r="AA54" s="287">
        <v>9</v>
      </c>
      <c r="AB54" s="287"/>
      <c r="AC54" s="287"/>
      <c r="AD54" s="287"/>
      <c r="AE54" s="287">
        <v>2</v>
      </c>
      <c r="AF54" s="287"/>
      <c r="AG54" s="327"/>
      <c r="AH54" s="2"/>
      <c r="AI54" s="306"/>
      <c r="AJ54" s="306"/>
      <c r="AK54" s="306"/>
      <c r="AL54" s="2"/>
      <c r="AM54" s="2"/>
    </row>
    <row r="55" spans="1:39" s="3" customFormat="1" ht="38.25" customHeight="1">
      <c r="A55" s="288" t="s">
        <v>181</v>
      </c>
      <c r="B55" s="851"/>
      <c r="C55" s="851"/>
      <c r="D55" s="851"/>
      <c r="E55" s="851"/>
      <c r="F55" s="851"/>
      <c r="G55" s="852"/>
      <c r="H55" s="932">
        <v>21</v>
      </c>
      <c r="I55" s="858"/>
      <c r="J55" s="858"/>
      <c r="K55" s="858">
        <v>9</v>
      </c>
      <c r="L55" s="858"/>
      <c r="M55" s="858"/>
      <c r="N55" s="858"/>
      <c r="O55" s="858">
        <v>3</v>
      </c>
      <c r="P55" s="858"/>
      <c r="Q55" s="858"/>
      <c r="R55" s="858"/>
      <c r="S55" s="858">
        <v>2</v>
      </c>
      <c r="T55" s="858"/>
      <c r="U55" s="858"/>
      <c r="V55" s="858"/>
      <c r="W55" s="857">
        <v>2</v>
      </c>
      <c r="X55" s="857"/>
      <c r="Y55" s="857"/>
      <c r="Z55" s="857"/>
      <c r="AA55" s="858">
        <v>5</v>
      </c>
      <c r="AB55" s="858"/>
      <c r="AC55" s="858"/>
      <c r="AD55" s="858"/>
      <c r="AE55" s="929" t="s">
        <v>420</v>
      </c>
      <c r="AF55" s="929"/>
      <c r="AG55" s="930"/>
      <c r="AH55" s="112"/>
      <c r="AI55" s="306"/>
      <c r="AJ55" s="306"/>
      <c r="AK55" s="306"/>
      <c r="AL55" s="2"/>
      <c r="AM55" s="2"/>
    </row>
    <row r="56" spans="1:39" s="2" customFormat="1" ht="12.95" customHeight="1">
      <c r="A56" s="8"/>
      <c r="B56" s="9"/>
      <c r="C56" s="9"/>
      <c r="D56" s="9"/>
      <c r="E56" s="9"/>
      <c r="F56" s="9"/>
      <c r="G56" s="9"/>
      <c r="H56" s="10"/>
      <c r="I56" s="10"/>
      <c r="J56" s="10"/>
      <c r="K56" s="10"/>
      <c r="L56" s="10"/>
      <c r="M56" s="10"/>
      <c r="N56" s="10"/>
      <c r="O56" s="10"/>
      <c r="P56" s="10"/>
      <c r="Q56" s="10"/>
      <c r="R56" s="10"/>
      <c r="S56" s="10"/>
      <c r="T56" s="12"/>
      <c r="U56" s="12"/>
      <c r="V56" s="12"/>
      <c r="W56" s="12"/>
      <c r="X56" s="12"/>
      <c r="Y56" s="12"/>
      <c r="Z56" s="12"/>
      <c r="AA56" s="12"/>
      <c r="AB56" s="12"/>
      <c r="AC56" s="12"/>
      <c r="AD56" s="12"/>
      <c r="AE56" s="12"/>
      <c r="AF56" s="12"/>
      <c r="AG56" s="12" t="s">
        <v>346</v>
      </c>
    </row>
    <row r="57" spans="1:39" s="2" customFormat="1" ht="12.95" customHeight="1">
      <c r="B57" s="9"/>
      <c r="C57" s="9"/>
      <c r="D57" s="9"/>
      <c r="E57" s="9"/>
      <c r="F57" s="9"/>
      <c r="G57" s="9"/>
      <c r="H57" s="10"/>
      <c r="I57" s="10"/>
      <c r="J57" s="10"/>
      <c r="K57" s="10"/>
      <c r="L57" s="10"/>
      <c r="M57" s="10"/>
      <c r="N57" s="10"/>
      <c r="O57" s="10"/>
      <c r="P57" s="10"/>
      <c r="Q57" s="10"/>
      <c r="R57" s="10"/>
      <c r="S57" s="10"/>
      <c r="T57" s="12"/>
      <c r="U57" s="12"/>
      <c r="V57" s="12"/>
      <c r="W57" s="12"/>
      <c r="X57" s="12"/>
      <c r="Y57" s="12"/>
      <c r="Z57" s="12"/>
      <c r="AA57" s="12"/>
      <c r="AB57" s="12"/>
      <c r="AC57" s="12"/>
      <c r="AD57" s="12"/>
      <c r="AE57" s="12"/>
      <c r="AF57" s="12"/>
      <c r="AG57" s="12"/>
      <c r="AH57" s="12"/>
    </row>
    <row r="58" spans="1:39" s="2" customFormat="1" ht="14.25" customHeight="1">
      <c r="B58" s="21"/>
      <c r="C58" s="21"/>
      <c r="D58" s="21"/>
      <c r="E58" s="21"/>
      <c r="F58" s="21"/>
      <c r="G58" s="21"/>
      <c r="H58" s="10"/>
      <c r="I58" s="10"/>
      <c r="J58" s="10"/>
      <c r="K58" s="10"/>
      <c r="L58" s="10"/>
      <c r="M58" s="10"/>
      <c r="N58" s="10"/>
      <c r="O58" s="10"/>
      <c r="P58" s="10"/>
      <c r="Q58" s="10"/>
      <c r="R58" s="10"/>
      <c r="S58" s="10"/>
      <c r="T58" s="12"/>
      <c r="U58" s="11"/>
      <c r="W58" s="12"/>
      <c r="X58" s="12"/>
      <c r="Y58" s="12"/>
      <c r="Z58" s="12"/>
      <c r="AA58" s="12"/>
      <c r="AB58" s="12"/>
      <c r="AC58" s="12"/>
      <c r="AD58" s="12"/>
      <c r="AE58" s="12"/>
      <c r="AF58" s="12"/>
      <c r="AG58" s="12"/>
      <c r="AH58" s="12"/>
      <c r="AI58" s="12"/>
    </row>
    <row r="59" spans="1:39" s="2" customFormat="1" ht="20.100000000000001" customHeight="1">
      <c r="B59" s="21"/>
      <c r="C59" s="21"/>
      <c r="D59" s="21"/>
      <c r="E59" s="21"/>
      <c r="F59" s="21"/>
      <c r="G59" s="21"/>
      <c r="H59" s="10"/>
      <c r="I59" s="10"/>
      <c r="J59" s="10"/>
      <c r="K59" s="10"/>
      <c r="L59" s="10"/>
      <c r="M59" s="10"/>
      <c r="N59" s="10"/>
      <c r="O59" s="10"/>
      <c r="P59" s="10"/>
      <c r="Q59" s="10"/>
      <c r="R59" s="10"/>
      <c r="S59" s="10"/>
      <c r="T59" s="12"/>
      <c r="U59" s="11"/>
      <c r="W59" s="12"/>
      <c r="X59" s="12"/>
      <c r="Y59" s="12"/>
      <c r="Z59" s="12"/>
      <c r="AA59" s="12"/>
      <c r="AB59" s="12"/>
      <c r="AC59" s="12"/>
      <c r="AD59" s="12"/>
      <c r="AE59" s="12"/>
      <c r="AF59" s="12"/>
      <c r="AG59" s="12"/>
      <c r="AH59" s="12"/>
      <c r="AI59" s="12"/>
    </row>
    <row r="60" spans="1:39" s="2" customFormat="1" ht="15.95" customHeight="1">
      <c r="B60" s="21"/>
      <c r="C60" s="21"/>
      <c r="D60" s="21"/>
      <c r="E60" s="21"/>
      <c r="F60" s="21"/>
      <c r="G60" s="21"/>
      <c r="H60" s="10"/>
      <c r="I60" s="10"/>
      <c r="J60" s="10"/>
      <c r="K60" s="10"/>
      <c r="L60" s="10"/>
      <c r="M60" s="10"/>
      <c r="N60" s="10"/>
      <c r="O60" s="10"/>
      <c r="P60" s="10"/>
      <c r="Q60" s="10"/>
      <c r="R60" s="10"/>
      <c r="S60" s="10"/>
      <c r="T60" s="12"/>
      <c r="U60" s="11"/>
      <c r="V60" s="12"/>
      <c r="W60" s="12"/>
      <c r="X60" s="12"/>
      <c r="Y60" s="12"/>
      <c r="Z60" s="12"/>
      <c r="AA60" s="12"/>
      <c r="AB60" s="12"/>
      <c r="AC60" s="12"/>
      <c r="AD60" s="12"/>
      <c r="AE60" s="12"/>
      <c r="AF60" s="12"/>
      <c r="AG60" s="12"/>
      <c r="AH60" s="12"/>
      <c r="AI60" s="12"/>
    </row>
    <row r="61" spans="1:39" s="1" customFormat="1" ht="15.95" customHeight="1">
      <c r="A61" s="14" t="s">
        <v>51</v>
      </c>
      <c r="C61" s="18"/>
      <c r="D61" s="18"/>
      <c r="E61" s="18"/>
      <c r="F61" s="18"/>
      <c r="G61" s="18"/>
      <c r="H61" s="18"/>
      <c r="I61" s="18"/>
      <c r="J61" s="18"/>
      <c r="K61" s="18"/>
      <c r="L61" s="18"/>
      <c r="M61" s="18"/>
      <c r="N61" s="18"/>
      <c r="O61" s="18"/>
      <c r="P61" s="18"/>
      <c r="Q61" s="18"/>
      <c r="R61" s="18"/>
      <c r="S61" s="18"/>
      <c r="T61" s="18"/>
      <c r="U61" s="18"/>
      <c r="V61" s="18"/>
      <c r="W61" s="18"/>
      <c r="X61" s="18"/>
      <c r="Y61" s="18"/>
      <c r="Z61" s="18"/>
      <c r="AA61" s="18"/>
      <c r="AB61" s="18"/>
      <c r="AG61" s="13" t="s">
        <v>52</v>
      </c>
      <c r="AH61" s="28"/>
    </row>
    <row r="62" spans="1:39" s="1" customFormat="1" ht="30" customHeight="1">
      <c r="A62" s="600" t="s">
        <v>38</v>
      </c>
      <c r="B62" s="601"/>
      <c r="C62" s="601"/>
      <c r="D62" s="601"/>
      <c r="E62" s="601"/>
      <c r="F62" s="601"/>
      <c r="G62" s="602"/>
      <c r="H62" s="252" t="s">
        <v>45</v>
      </c>
      <c r="I62" s="253"/>
      <c r="J62" s="253"/>
      <c r="K62" s="253"/>
      <c r="L62" s="253"/>
      <c r="M62" s="254"/>
      <c r="N62" s="850" t="s">
        <v>46</v>
      </c>
      <c r="O62" s="850"/>
      <c r="P62" s="850"/>
      <c r="Q62" s="850"/>
      <c r="R62" s="850" t="s">
        <v>47</v>
      </c>
      <c r="S62" s="850"/>
      <c r="T62" s="850"/>
      <c r="U62" s="850"/>
      <c r="V62" s="850" t="s">
        <v>48</v>
      </c>
      <c r="W62" s="850"/>
      <c r="X62" s="850"/>
      <c r="Y62" s="850"/>
      <c r="Z62" s="850" t="s">
        <v>49</v>
      </c>
      <c r="AA62" s="850"/>
      <c r="AB62" s="850"/>
      <c r="AC62" s="850"/>
      <c r="AD62" s="853" t="s">
        <v>286</v>
      </c>
      <c r="AE62" s="853"/>
      <c r="AF62" s="853"/>
      <c r="AG62" s="854"/>
    </row>
    <row r="63" spans="1:39" s="1" customFormat="1" ht="30" customHeight="1">
      <c r="A63" s="157" t="s">
        <v>328</v>
      </c>
      <c r="B63" s="158"/>
      <c r="C63" s="158"/>
      <c r="D63" s="158"/>
      <c r="E63" s="158"/>
      <c r="F63" s="158"/>
      <c r="G63" s="159"/>
      <c r="H63" s="233"/>
      <c r="I63" s="234"/>
      <c r="J63" s="234"/>
      <c r="K63" s="234"/>
      <c r="L63" s="234"/>
      <c r="M63" s="235"/>
      <c r="N63" s="226"/>
      <c r="O63" s="226"/>
      <c r="P63" s="226"/>
      <c r="Q63" s="226"/>
      <c r="R63" s="226"/>
      <c r="S63" s="226"/>
      <c r="T63" s="226"/>
      <c r="U63" s="226"/>
      <c r="V63" s="226"/>
      <c r="W63" s="226"/>
      <c r="X63" s="226"/>
      <c r="Y63" s="226"/>
      <c r="Z63" s="226"/>
      <c r="AA63" s="226"/>
      <c r="AB63" s="226"/>
      <c r="AC63" s="226"/>
      <c r="AD63" s="855"/>
      <c r="AE63" s="855"/>
      <c r="AF63" s="855"/>
      <c r="AG63" s="856"/>
    </row>
    <row r="64" spans="1:39" s="16" customFormat="1" ht="30" customHeight="1">
      <c r="A64" s="603" t="s">
        <v>329</v>
      </c>
      <c r="B64" s="604"/>
      <c r="C64" s="604"/>
      <c r="D64" s="604"/>
      <c r="E64" s="604"/>
      <c r="F64" s="604"/>
      <c r="G64" s="605"/>
      <c r="H64" s="933">
        <v>26795</v>
      </c>
      <c r="I64" s="808"/>
      <c r="J64" s="808"/>
      <c r="K64" s="808"/>
      <c r="L64" s="808"/>
      <c r="M64" s="808"/>
      <c r="N64" s="808">
        <v>2194</v>
      </c>
      <c r="O64" s="808"/>
      <c r="P64" s="808"/>
      <c r="Q64" s="808"/>
      <c r="R64" s="808">
        <v>2626</v>
      </c>
      <c r="S64" s="808"/>
      <c r="T64" s="808"/>
      <c r="U64" s="808"/>
      <c r="V64" s="808">
        <v>3648</v>
      </c>
      <c r="W64" s="808"/>
      <c r="X64" s="808"/>
      <c r="Y64" s="808"/>
      <c r="Z64" s="808">
        <v>2698</v>
      </c>
      <c r="AA64" s="808"/>
      <c r="AB64" s="808"/>
      <c r="AC64" s="808"/>
      <c r="AD64" s="808">
        <v>15629</v>
      </c>
      <c r="AE64" s="808"/>
      <c r="AF64" s="808"/>
      <c r="AG64" s="848"/>
    </row>
    <row r="65" spans="1:33" s="3" customFormat="1" ht="30" customHeight="1">
      <c r="A65" s="599" t="s">
        <v>209</v>
      </c>
      <c r="B65" s="597"/>
      <c r="C65" s="597"/>
      <c r="D65" s="597"/>
      <c r="E65" s="597"/>
      <c r="F65" s="597"/>
      <c r="G65" s="598"/>
      <c r="H65" s="804">
        <v>22</v>
      </c>
      <c r="I65" s="805"/>
      <c r="J65" s="805"/>
      <c r="K65" s="805"/>
      <c r="L65" s="805"/>
      <c r="M65" s="805"/>
      <c r="N65" s="805">
        <v>7</v>
      </c>
      <c r="O65" s="805"/>
      <c r="P65" s="805"/>
      <c r="Q65" s="805"/>
      <c r="R65" s="307">
        <v>15</v>
      </c>
      <c r="S65" s="307"/>
      <c r="T65" s="307"/>
      <c r="U65" s="307"/>
      <c r="V65" s="295" t="s">
        <v>416</v>
      </c>
      <c r="W65" s="295"/>
      <c r="X65" s="295"/>
      <c r="Y65" s="295"/>
      <c r="Z65" s="295" t="s">
        <v>413</v>
      </c>
      <c r="AA65" s="295"/>
      <c r="AB65" s="295"/>
      <c r="AC65" s="295"/>
      <c r="AD65" s="295" t="s">
        <v>413</v>
      </c>
      <c r="AE65" s="295"/>
      <c r="AF65" s="295"/>
      <c r="AG65" s="329"/>
    </row>
    <row r="66" spans="1:33" s="3" customFormat="1" ht="30" customHeight="1">
      <c r="A66" s="596" t="s">
        <v>300</v>
      </c>
      <c r="B66" s="610"/>
      <c r="C66" s="610"/>
      <c r="D66" s="610"/>
      <c r="E66" s="610"/>
      <c r="F66" s="610"/>
      <c r="G66" s="611"/>
      <c r="H66" s="931" t="s">
        <v>421</v>
      </c>
      <c r="I66" s="306"/>
      <c r="J66" s="306"/>
      <c r="K66" s="306"/>
      <c r="L66" s="306"/>
      <c r="M66" s="306"/>
      <c r="N66" s="306" t="s">
        <v>422</v>
      </c>
      <c r="O66" s="306"/>
      <c r="P66" s="306"/>
      <c r="Q66" s="306"/>
      <c r="R66" s="306" t="s">
        <v>413</v>
      </c>
      <c r="S66" s="306"/>
      <c r="T66" s="306"/>
      <c r="U66" s="306"/>
      <c r="V66" s="306" t="s">
        <v>414</v>
      </c>
      <c r="W66" s="306"/>
      <c r="X66" s="306"/>
      <c r="Y66" s="306"/>
      <c r="Z66" s="306" t="s">
        <v>416</v>
      </c>
      <c r="AA66" s="306"/>
      <c r="AB66" s="306"/>
      <c r="AC66" s="306"/>
      <c r="AD66" s="306" t="s">
        <v>423</v>
      </c>
      <c r="AE66" s="306"/>
      <c r="AF66" s="306"/>
      <c r="AG66" s="617"/>
    </row>
    <row r="67" spans="1:33" s="3" customFormat="1" ht="30" customHeight="1">
      <c r="A67" s="599" t="s">
        <v>210</v>
      </c>
      <c r="B67" s="597"/>
      <c r="C67" s="597"/>
      <c r="D67" s="597"/>
      <c r="E67" s="597"/>
      <c r="F67" s="597"/>
      <c r="G67" s="598"/>
      <c r="H67" s="804">
        <v>899</v>
      </c>
      <c r="I67" s="805"/>
      <c r="J67" s="805"/>
      <c r="K67" s="805"/>
      <c r="L67" s="805"/>
      <c r="M67" s="805"/>
      <c r="N67" s="805">
        <v>190</v>
      </c>
      <c r="O67" s="805"/>
      <c r="P67" s="805"/>
      <c r="Q67" s="805"/>
      <c r="R67" s="805">
        <v>248</v>
      </c>
      <c r="S67" s="805"/>
      <c r="T67" s="805"/>
      <c r="U67" s="805"/>
      <c r="V67" s="805">
        <v>262</v>
      </c>
      <c r="W67" s="805"/>
      <c r="X67" s="805"/>
      <c r="Y67" s="805"/>
      <c r="Z67" s="805">
        <v>46</v>
      </c>
      <c r="AA67" s="805"/>
      <c r="AB67" s="805"/>
      <c r="AC67" s="805"/>
      <c r="AD67" s="805">
        <v>153</v>
      </c>
      <c r="AE67" s="805"/>
      <c r="AF67" s="805"/>
      <c r="AG67" s="849"/>
    </row>
    <row r="68" spans="1:33" s="3" customFormat="1" ht="30" customHeight="1">
      <c r="A68" s="599" t="s">
        <v>211</v>
      </c>
      <c r="B68" s="597"/>
      <c r="C68" s="597"/>
      <c r="D68" s="597"/>
      <c r="E68" s="597"/>
      <c r="F68" s="597"/>
      <c r="G68" s="598"/>
      <c r="H68" s="804">
        <v>4706</v>
      </c>
      <c r="I68" s="805"/>
      <c r="J68" s="805"/>
      <c r="K68" s="805"/>
      <c r="L68" s="805"/>
      <c r="M68" s="805"/>
      <c r="N68" s="805">
        <v>154</v>
      </c>
      <c r="O68" s="805"/>
      <c r="P68" s="805"/>
      <c r="Q68" s="805"/>
      <c r="R68" s="805">
        <v>232</v>
      </c>
      <c r="S68" s="805"/>
      <c r="T68" s="805"/>
      <c r="U68" s="805"/>
      <c r="V68" s="805">
        <v>460</v>
      </c>
      <c r="W68" s="805"/>
      <c r="X68" s="805"/>
      <c r="Y68" s="805"/>
      <c r="Z68" s="805">
        <v>222</v>
      </c>
      <c r="AA68" s="805"/>
      <c r="AB68" s="805"/>
      <c r="AC68" s="805"/>
      <c r="AD68" s="805">
        <v>3638</v>
      </c>
      <c r="AE68" s="805"/>
      <c r="AF68" s="805"/>
      <c r="AG68" s="849"/>
    </row>
    <row r="69" spans="1:33" s="3" customFormat="1" ht="30" customHeight="1">
      <c r="A69" s="596" t="s">
        <v>212</v>
      </c>
      <c r="B69" s="610"/>
      <c r="C69" s="610"/>
      <c r="D69" s="610"/>
      <c r="E69" s="610"/>
      <c r="F69" s="610"/>
      <c r="G69" s="611"/>
      <c r="H69" s="934">
        <v>48</v>
      </c>
      <c r="I69" s="307"/>
      <c r="J69" s="307"/>
      <c r="K69" s="307"/>
      <c r="L69" s="307"/>
      <c r="M69" s="307"/>
      <c r="N69" s="307">
        <v>1</v>
      </c>
      <c r="O69" s="307"/>
      <c r="P69" s="307"/>
      <c r="Q69" s="307"/>
      <c r="R69" s="307">
        <v>7</v>
      </c>
      <c r="S69" s="307"/>
      <c r="T69" s="307"/>
      <c r="U69" s="307"/>
      <c r="V69" s="306" t="s">
        <v>424</v>
      </c>
      <c r="W69" s="306"/>
      <c r="X69" s="306"/>
      <c r="Y69" s="306"/>
      <c r="Z69" s="306" t="s">
        <v>413</v>
      </c>
      <c r="AA69" s="306"/>
      <c r="AB69" s="306"/>
      <c r="AC69" s="306"/>
      <c r="AD69" s="307">
        <v>40</v>
      </c>
      <c r="AE69" s="307"/>
      <c r="AF69" s="307"/>
      <c r="AG69" s="935"/>
    </row>
    <row r="70" spans="1:33" s="3" customFormat="1" ht="30" customHeight="1">
      <c r="A70" s="599" t="s">
        <v>213</v>
      </c>
      <c r="B70" s="597"/>
      <c r="C70" s="597"/>
      <c r="D70" s="597"/>
      <c r="E70" s="597"/>
      <c r="F70" s="597"/>
      <c r="G70" s="598"/>
      <c r="H70" s="804">
        <v>231</v>
      </c>
      <c r="I70" s="805"/>
      <c r="J70" s="805"/>
      <c r="K70" s="805"/>
      <c r="L70" s="805"/>
      <c r="M70" s="805"/>
      <c r="N70" s="805">
        <v>22</v>
      </c>
      <c r="O70" s="805"/>
      <c r="P70" s="805"/>
      <c r="Q70" s="805"/>
      <c r="R70" s="805">
        <v>30</v>
      </c>
      <c r="S70" s="805"/>
      <c r="T70" s="805"/>
      <c r="U70" s="805"/>
      <c r="V70" s="805">
        <v>23</v>
      </c>
      <c r="W70" s="805"/>
      <c r="X70" s="805"/>
      <c r="Y70" s="805"/>
      <c r="Z70" s="306" t="s">
        <v>413</v>
      </c>
      <c r="AA70" s="306"/>
      <c r="AB70" s="306"/>
      <c r="AC70" s="306"/>
      <c r="AD70" s="307">
        <v>156</v>
      </c>
      <c r="AE70" s="307"/>
      <c r="AF70" s="307"/>
      <c r="AG70" s="935"/>
    </row>
    <row r="71" spans="1:33" s="3" customFormat="1" ht="30" customHeight="1">
      <c r="A71" s="599" t="s">
        <v>292</v>
      </c>
      <c r="B71" s="597"/>
      <c r="C71" s="597"/>
      <c r="D71" s="597"/>
      <c r="E71" s="597"/>
      <c r="F71" s="597"/>
      <c r="G71" s="598"/>
      <c r="H71" s="804">
        <v>2154</v>
      </c>
      <c r="I71" s="805"/>
      <c r="J71" s="805"/>
      <c r="K71" s="805"/>
      <c r="L71" s="805"/>
      <c r="M71" s="805"/>
      <c r="N71" s="805">
        <v>14</v>
      </c>
      <c r="O71" s="805"/>
      <c r="P71" s="805"/>
      <c r="Q71" s="805"/>
      <c r="R71" s="805">
        <v>101</v>
      </c>
      <c r="S71" s="805"/>
      <c r="T71" s="805"/>
      <c r="U71" s="805"/>
      <c r="V71" s="805">
        <v>102</v>
      </c>
      <c r="W71" s="805"/>
      <c r="X71" s="805"/>
      <c r="Y71" s="805"/>
      <c r="Z71" s="805">
        <v>97</v>
      </c>
      <c r="AA71" s="805"/>
      <c r="AB71" s="805"/>
      <c r="AC71" s="805"/>
      <c r="AD71" s="805">
        <v>1840</v>
      </c>
      <c r="AE71" s="805"/>
      <c r="AF71" s="805"/>
      <c r="AG71" s="849"/>
    </row>
    <row r="72" spans="1:33" s="3" customFormat="1" ht="30" customHeight="1">
      <c r="A72" s="599" t="s">
        <v>293</v>
      </c>
      <c r="B72" s="597"/>
      <c r="C72" s="597"/>
      <c r="D72" s="597"/>
      <c r="E72" s="597"/>
      <c r="F72" s="597"/>
      <c r="G72" s="598"/>
      <c r="H72" s="804">
        <v>4007</v>
      </c>
      <c r="I72" s="805"/>
      <c r="J72" s="805"/>
      <c r="K72" s="805"/>
      <c r="L72" s="805"/>
      <c r="M72" s="805"/>
      <c r="N72" s="805">
        <v>446</v>
      </c>
      <c r="O72" s="805"/>
      <c r="P72" s="805"/>
      <c r="Q72" s="805"/>
      <c r="R72" s="805">
        <v>472</v>
      </c>
      <c r="S72" s="805"/>
      <c r="T72" s="805"/>
      <c r="U72" s="805"/>
      <c r="V72" s="805">
        <v>666</v>
      </c>
      <c r="W72" s="805"/>
      <c r="X72" s="805"/>
      <c r="Y72" s="805"/>
      <c r="Z72" s="805">
        <v>722</v>
      </c>
      <c r="AA72" s="805"/>
      <c r="AB72" s="805"/>
      <c r="AC72" s="805"/>
      <c r="AD72" s="805">
        <v>1701</v>
      </c>
      <c r="AE72" s="805"/>
      <c r="AF72" s="805"/>
      <c r="AG72" s="849"/>
    </row>
    <row r="73" spans="1:33" s="3" customFormat="1" ht="30" customHeight="1">
      <c r="A73" s="599" t="s">
        <v>294</v>
      </c>
      <c r="B73" s="597"/>
      <c r="C73" s="597"/>
      <c r="D73" s="597"/>
      <c r="E73" s="597"/>
      <c r="F73" s="597"/>
      <c r="G73" s="598"/>
      <c r="H73" s="804">
        <v>318</v>
      </c>
      <c r="I73" s="805"/>
      <c r="J73" s="805"/>
      <c r="K73" s="805"/>
      <c r="L73" s="805"/>
      <c r="M73" s="805"/>
      <c r="N73" s="805">
        <v>17</v>
      </c>
      <c r="O73" s="805"/>
      <c r="P73" s="805"/>
      <c r="Q73" s="805"/>
      <c r="R73" s="805">
        <v>36</v>
      </c>
      <c r="S73" s="805"/>
      <c r="T73" s="805"/>
      <c r="U73" s="805"/>
      <c r="V73" s="805">
        <v>130</v>
      </c>
      <c r="W73" s="805"/>
      <c r="X73" s="805"/>
      <c r="Y73" s="805"/>
      <c r="Z73" s="805">
        <v>74</v>
      </c>
      <c r="AA73" s="805"/>
      <c r="AB73" s="805"/>
      <c r="AC73" s="805"/>
      <c r="AD73" s="805">
        <v>61</v>
      </c>
      <c r="AE73" s="805"/>
      <c r="AF73" s="805"/>
      <c r="AG73" s="849"/>
    </row>
    <row r="74" spans="1:33" s="3" customFormat="1" ht="30" customHeight="1">
      <c r="A74" s="596" t="s">
        <v>295</v>
      </c>
      <c r="B74" s="610"/>
      <c r="C74" s="610"/>
      <c r="D74" s="610"/>
      <c r="E74" s="610"/>
      <c r="F74" s="610"/>
      <c r="G74" s="611"/>
      <c r="H74" s="804">
        <v>553</v>
      </c>
      <c r="I74" s="805"/>
      <c r="J74" s="805"/>
      <c r="K74" s="805"/>
      <c r="L74" s="805"/>
      <c r="M74" s="805"/>
      <c r="N74" s="805">
        <v>323</v>
      </c>
      <c r="O74" s="805"/>
      <c r="P74" s="805"/>
      <c r="Q74" s="805"/>
      <c r="R74" s="805">
        <v>89</v>
      </c>
      <c r="S74" s="805"/>
      <c r="T74" s="805"/>
      <c r="U74" s="805"/>
      <c r="V74" s="805">
        <v>98</v>
      </c>
      <c r="W74" s="805"/>
      <c r="X74" s="805"/>
      <c r="Y74" s="805"/>
      <c r="Z74" s="805">
        <v>43</v>
      </c>
      <c r="AA74" s="805"/>
      <c r="AB74" s="805"/>
      <c r="AC74" s="805"/>
      <c r="AD74" s="295" t="s">
        <v>424</v>
      </c>
      <c r="AE74" s="295"/>
      <c r="AF74" s="295"/>
      <c r="AG74" s="329"/>
    </row>
    <row r="75" spans="1:33" s="3" customFormat="1" ht="30" customHeight="1">
      <c r="A75" s="599" t="s">
        <v>290</v>
      </c>
      <c r="B75" s="597"/>
      <c r="C75" s="597"/>
      <c r="D75" s="597"/>
      <c r="E75" s="597"/>
      <c r="F75" s="597"/>
      <c r="G75" s="598"/>
      <c r="H75" s="804">
        <v>462</v>
      </c>
      <c r="I75" s="805"/>
      <c r="J75" s="805"/>
      <c r="K75" s="805"/>
      <c r="L75" s="805"/>
      <c r="M75" s="805"/>
      <c r="N75" s="805">
        <v>113</v>
      </c>
      <c r="O75" s="805"/>
      <c r="P75" s="805"/>
      <c r="Q75" s="805"/>
      <c r="R75" s="805">
        <v>124</v>
      </c>
      <c r="S75" s="805"/>
      <c r="T75" s="805"/>
      <c r="U75" s="805"/>
      <c r="V75" s="805">
        <v>77</v>
      </c>
      <c r="W75" s="805"/>
      <c r="X75" s="805"/>
      <c r="Y75" s="805"/>
      <c r="Z75" s="295" t="s">
        <v>413</v>
      </c>
      <c r="AA75" s="295"/>
      <c r="AB75" s="295"/>
      <c r="AC75" s="295"/>
      <c r="AD75" s="805">
        <v>148</v>
      </c>
      <c r="AE75" s="805"/>
      <c r="AF75" s="805"/>
      <c r="AG75" s="849"/>
    </row>
    <row r="76" spans="1:33" s="3" customFormat="1" ht="30" customHeight="1">
      <c r="A76" s="596" t="s">
        <v>296</v>
      </c>
      <c r="B76" s="610"/>
      <c r="C76" s="610"/>
      <c r="D76" s="610"/>
      <c r="E76" s="610"/>
      <c r="F76" s="610"/>
      <c r="G76" s="611"/>
      <c r="H76" s="804">
        <v>2078</v>
      </c>
      <c r="I76" s="805"/>
      <c r="J76" s="805"/>
      <c r="K76" s="805"/>
      <c r="L76" s="805"/>
      <c r="M76" s="805"/>
      <c r="N76" s="805">
        <v>193</v>
      </c>
      <c r="O76" s="805"/>
      <c r="P76" s="805"/>
      <c r="Q76" s="805"/>
      <c r="R76" s="805">
        <v>260</v>
      </c>
      <c r="S76" s="805"/>
      <c r="T76" s="805"/>
      <c r="U76" s="805"/>
      <c r="V76" s="805">
        <v>424</v>
      </c>
      <c r="W76" s="805"/>
      <c r="X76" s="805"/>
      <c r="Y76" s="805"/>
      <c r="Z76" s="805">
        <v>502</v>
      </c>
      <c r="AA76" s="805"/>
      <c r="AB76" s="805"/>
      <c r="AC76" s="805"/>
      <c r="AD76" s="805">
        <v>699</v>
      </c>
      <c r="AE76" s="805"/>
      <c r="AF76" s="805"/>
      <c r="AG76" s="849"/>
    </row>
    <row r="77" spans="1:33" s="3" customFormat="1" ht="30" customHeight="1">
      <c r="A77" s="606" t="s">
        <v>291</v>
      </c>
      <c r="B77" s="607"/>
      <c r="C77" s="607"/>
      <c r="D77" s="607"/>
      <c r="E77" s="607"/>
      <c r="F77" s="607"/>
      <c r="G77" s="608"/>
      <c r="H77" s="804">
        <v>1062</v>
      </c>
      <c r="I77" s="805"/>
      <c r="J77" s="805"/>
      <c r="K77" s="805"/>
      <c r="L77" s="805"/>
      <c r="M77" s="805"/>
      <c r="N77" s="805">
        <v>217</v>
      </c>
      <c r="O77" s="805"/>
      <c r="P77" s="805"/>
      <c r="Q77" s="805"/>
      <c r="R77" s="805">
        <v>168</v>
      </c>
      <c r="S77" s="805"/>
      <c r="T77" s="805"/>
      <c r="U77" s="805"/>
      <c r="V77" s="805">
        <v>312</v>
      </c>
      <c r="W77" s="805"/>
      <c r="X77" s="805"/>
      <c r="Y77" s="805"/>
      <c r="Z77" s="805">
        <v>92</v>
      </c>
      <c r="AA77" s="805"/>
      <c r="AB77" s="805"/>
      <c r="AC77" s="805"/>
      <c r="AD77" s="805">
        <v>273</v>
      </c>
      <c r="AE77" s="805"/>
      <c r="AF77" s="805"/>
      <c r="AG77" s="849"/>
    </row>
    <row r="78" spans="1:33" s="3" customFormat="1" ht="30" customHeight="1">
      <c r="A78" s="606" t="s">
        <v>299</v>
      </c>
      <c r="B78" s="607"/>
      <c r="C78" s="607"/>
      <c r="D78" s="607"/>
      <c r="E78" s="607"/>
      <c r="F78" s="607"/>
      <c r="G78" s="608"/>
      <c r="H78" s="804">
        <v>2655</v>
      </c>
      <c r="I78" s="805"/>
      <c r="J78" s="805"/>
      <c r="K78" s="805"/>
      <c r="L78" s="805"/>
      <c r="M78" s="805"/>
      <c r="N78" s="805">
        <v>85</v>
      </c>
      <c r="O78" s="805"/>
      <c r="P78" s="805"/>
      <c r="Q78" s="805"/>
      <c r="R78" s="805">
        <v>146</v>
      </c>
      <c r="S78" s="805"/>
      <c r="T78" s="805"/>
      <c r="U78" s="805"/>
      <c r="V78" s="805">
        <v>324</v>
      </c>
      <c r="W78" s="805"/>
      <c r="X78" s="805"/>
      <c r="Y78" s="805"/>
      <c r="Z78" s="805">
        <v>380</v>
      </c>
      <c r="AA78" s="805"/>
      <c r="AB78" s="805"/>
      <c r="AC78" s="805"/>
      <c r="AD78" s="805">
        <v>1720</v>
      </c>
      <c r="AE78" s="805"/>
      <c r="AF78" s="805"/>
      <c r="AG78" s="849"/>
    </row>
    <row r="79" spans="1:33" s="3" customFormat="1" ht="30" customHeight="1">
      <c r="A79" s="599" t="s">
        <v>298</v>
      </c>
      <c r="B79" s="597"/>
      <c r="C79" s="597"/>
      <c r="D79" s="597"/>
      <c r="E79" s="597"/>
      <c r="F79" s="597"/>
      <c r="G79" s="598"/>
      <c r="H79" s="804">
        <v>5084</v>
      </c>
      <c r="I79" s="805"/>
      <c r="J79" s="805"/>
      <c r="K79" s="805"/>
      <c r="L79" s="805"/>
      <c r="M79" s="805"/>
      <c r="N79" s="805">
        <v>157</v>
      </c>
      <c r="O79" s="805"/>
      <c r="P79" s="805"/>
      <c r="Q79" s="805"/>
      <c r="R79" s="805">
        <v>446</v>
      </c>
      <c r="S79" s="805"/>
      <c r="T79" s="805"/>
      <c r="U79" s="805"/>
      <c r="V79" s="805">
        <v>580</v>
      </c>
      <c r="W79" s="805"/>
      <c r="X79" s="805"/>
      <c r="Y79" s="805"/>
      <c r="Z79" s="805">
        <v>351</v>
      </c>
      <c r="AA79" s="805"/>
      <c r="AB79" s="805"/>
      <c r="AC79" s="805"/>
      <c r="AD79" s="805">
        <v>3550</v>
      </c>
      <c r="AE79" s="805"/>
      <c r="AF79" s="805"/>
      <c r="AG79" s="849"/>
    </row>
    <row r="80" spans="1:33" s="3" customFormat="1" ht="30" customHeight="1">
      <c r="A80" s="606" t="s">
        <v>182</v>
      </c>
      <c r="B80" s="607"/>
      <c r="C80" s="607"/>
      <c r="D80" s="607"/>
      <c r="E80" s="607"/>
      <c r="F80" s="607"/>
      <c r="G80" s="608"/>
      <c r="H80" s="804">
        <v>280</v>
      </c>
      <c r="I80" s="805"/>
      <c r="J80" s="805"/>
      <c r="K80" s="805"/>
      <c r="L80" s="805"/>
      <c r="M80" s="805"/>
      <c r="N80" s="805">
        <v>12</v>
      </c>
      <c r="O80" s="805"/>
      <c r="P80" s="805"/>
      <c r="Q80" s="805"/>
      <c r="R80" s="805">
        <v>28</v>
      </c>
      <c r="S80" s="805"/>
      <c r="T80" s="805"/>
      <c r="U80" s="805"/>
      <c r="V80" s="295" t="s">
        <v>414</v>
      </c>
      <c r="W80" s="295"/>
      <c r="X80" s="295"/>
      <c r="Y80" s="295"/>
      <c r="Z80" s="462">
        <v>27</v>
      </c>
      <c r="AA80" s="462"/>
      <c r="AB80" s="462"/>
      <c r="AC80" s="462"/>
      <c r="AD80" s="805">
        <v>213</v>
      </c>
      <c r="AE80" s="805"/>
      <c r="AF80" s="805"/>
      <c r="AG80" s="849"/>
    </row>
    <row r="81" spans="1:34" s="3" customFormat="1" ht="27.75" customHeight="1">
      <c r="A81" s="596" t="s">
        <v>214</v>
      </c>
      <c r="B81" s="610"/>
      <c r="C81" s="610"/>
      <c r="D81" s="610"/>
      <c r="E81" s="610"/>
      <c r="F81" s="610"/>
      <c r="G81" s="611"/>
      <c r="H81" s="804">
        <v>1422</v>
      </c>
      <c r="I81" s="805"/>
      <c r="J81" s="805"/>
      <c r="K81" s="805"/>
      <c r="L81" s="805"/>
      <c r="M81" s="805"/>
      <c r="N81" s="805">
        <v>222</v>
      </c>
      <c r="O81" s="805"/>
      <c r="P81" s="805"/>
      <c r="Q81" s="805"/>
      <c r="R81" s="805">
        <v>203</v>
      </c>
      <c r="S81" s="805"/>
      <c r="T81" s="805"/>
      <c r="U81" s="805"/>
      <c r="V81" s="805">
        <v>161</v>
      </c>
      <c r="W81" s="805"/>
      <c r="X81" s="805"/>
      <c r="Y81" s="805"/>
      <c r="Z81" s="805">
        <v>97</v>
      </c>
      <c r="AA81" s="805"/>
      <c r="AB81" s="805"/>
      <c r="AC81" s="805"/>
      <c r="AD81" s="805">
        <v>739</v>
      </c>
      <c r="AE81" s="805"/>
      <c r="AF81" s="805"/>
      <c r="AG81" s="849"/>
    </row>
    <row r="82" spans="1:34" s="2" customFormat="1" ht="27.75" customHeight="1">
      <c r="A82" s="288" t="s">
        <v>181</v>
      </c>
      <c r="B82" s="851"/>
      <c r="C82" s="851"/>
      <c r="D82" s="851"/>
      <c r="E82" s="851"/>
      <c r="F82" s="851"/>
      <c r="G82" s="852"/>
      <c r="H82" s="945">
        <v>814</v>
      </c>
      <c r="I82" s="462"/>
      <c r="J82" s="462"/>
      <c r="K82" s="462"/>
      <c r="L82" s="462"/>
      <c r="M82" s="462"/>
      <c r="N82" s="857">
        <v>21</v>
      </c>
      <c r="O82" s="857"/>
      <c r="P82" s="857"/>
      <c r="Q82" s="857"/>
      <c r="R82" s="857">
        <v>21</v>
      </c>
      <c r="S82" s="857"/>
      <c r="T82" s="857"/>
      <c r="U82" s="857"/>
      <c r="V82" s="857">
        <v>29</v>
      </c>
      <c r="W82" s="857"/>
      <c r="X82" s="857"/>
      <c r="Y82" s="857"/>
      <c r="Z82" s="857">
        <v>45</v>
      </c>
      <c r="AA82" s="857"/>
      <c r="AB82" s="857"/>
      <c r="AC82" s="857"/>
      <c r="AD82" s="857">
        <v>698</v>
      </c>
      <c r="AE82" s="857"/>
      <c r="AF82" s="857"/>
      <c r="AG82" s="936"/>
    </row>
    <row r="83" spans="1:34" s="2" customFormat="1" ht="12.95" customHeight="1">
      <c r="A83" s="8"/>
      <c r="B83" s="9"/>
      <c r="C83" s="9"/>
      <c r="D83" s="9"/>
      <c r="E83" s="9"/>
      <c r="F83" s="9"/>
      <c r="G83" s="9"/>
      <c r="H83" s="26"/>
      <c r="I83" s="26"/>
      <c r="J83" s="26"/>
      <c r="K83" s="26"/>
      <c r="L83" s="26"/>
      <c r="M83" s="26"/>
      <c r="N83" s="26"/>
      <c r="O83" s="26"/>
      <c r="P83" s="10"/>
      <c r="Q83" s="10"/>
      <c r="R83" s="10"/>
      <c r="S83" s="10"/>
      <c r="T83" s="12"/>
      <c r="U83" s="12"/>
      <c r="W83" s="12"/>
      <c r="X83" s="12"/>
      <c r="Y83" s="12"/>
      <c r="Z83" s="12"/>
      <c r="AA83" s="12"/>
      <c r="AB83" s="12"/>
      <c r="AC83" s="12"/>
      <c r="AD83" s="12"/>
      <c r="AE83" s="12"/>
      <c r="AF83" s="12"/>
      <c r="AG83" s="12" t="s">
        <v>347</v>
      </c>
      <c r="AH83" s="12"/>
    </row>
    <row r="84" spans="1:34" s="2" customFormat="1" ht="14.25" customHeight="1">
      <c r="B84" s="9"/>
      <c r="C84" s="9"/>
      <c r="D84" s="9"/>
      <c r="E84" s="9"/>
      <c r="F84" s="9"/>
      <c r="G84" s="10"/>
      <c r="H84" s="10"/>
      <c r="I84" s="10"/>
      <c r="J84" s="10"/>
      <c r="K84" s="10"/>
      <c r="L84" s="10"/>
      <c r="M84" s="10"/>
      <c r="N84" s="10"/>
      <c r="O84" s="10"/>
      <c r="P84" s="10"/>
      <c r="Q84" s="10"/>
      <c r="R84" s="10"/>
      <c r="S84" s="12"/>
      <c r="T84" s="12"/>
      <c r="U84" s="12"/>
      <c r="V84" s="12"/>
      <c r="W84" s="12"/>
      <c r="X84" s="12"/>
      <c r="Y84" s="12"/>
      <c r="Z84" s="12"/>
      <c r="AA84" s="12"/>
      <c r="AB84" s="12"/>
      <c r="AC84" s="12"/>
      <c r="AD84" s="12"/>
      <c r="AE84" s="12"/>
      <c r="AF84" s="12"/>
      <c r="AG84" s="12"/>
    </row>
    <row r="85" spans="1:34" s="16" customFormat="1" ht="20.100000000000001" customHeight="1">
      <c r="A85" s="2"/>
      <c r="B85" s="21"/>
      <c r="C85" s="21"/>
      <c r="D85" s="21"/>
      <c r="E85" s="21"/>
      <c r="F85" s="21"/>
      <c r="G85" s="10"/>
      <c r="H85" s="10"/>
      <c r="I85" s="10"/>
      <c r="J85" s="10"/>
      <c r="K85" s="10"/>
      <c r="L85" s="10"/>
      <c r="M85" s="10"/>
      <c r="N85" s="10"/>
      <c r="O85" s="10"/>
      <c r="P85" s="10"/>
      <c r="Q85" s="10"/>
      <c r="R85" s="10"/>
      <c r="S85" s="12"/>
      <c r="T85" s="11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</row>
    <row r="86" spans="1:34" s="16" customFormat="1" ht="15.95" customHeight="1">
      <c r="A86" s="151" t="s">
        <v>53</v>
      </c>
      <c r="B86" s="151"/>
      <c r="C86" s="151"/>
      <c r="D86" s="151"/>
      <c r="E86" s="151"/>
      <c r="F86" s="151"/>
      <c r="G86" s="151"/>
      <c r="H86" s="151"/>
      <c r="I86" s="151"/>
      <c r="J86" s="151"/>
      <c r="K86" s="151"/>
      <c r="L86" s="151"/>
      <c r="M86" s="151"/>
      <c r="N86" s="151"/>
      <c r="O86" s="151"/>
      <c r="P86" s="151"/>
      <c r="Q86" s="151"/>
      <c r="R86" s="151"/>
      <c r="S86" s="151"/>
      <c r="T86" s="151"/>
      <c r="U86" s="151"/>
      <c r="V86" s="151"/>
      <c r="W86" s="151"/>
      <c r="X86" s="151"/>
      <c r="Y86" s="151"/>
      <c r="Z86" s="151"/>
      <c r="AA86" s="151"/>
      <c r="AB86" s="151"/>
      <c r="AC86" s="151"/>
      <c r="AD86" s="151"/>
      <c r="AE86" s="151"/>
      <c r="AF86" s="151"/>
      <c r="AG86" s="151"/>
    </row>
    <row r="87" spans="1:34" s="16" customFormat="1" ht="20.100000000000001" customHeight="1">
      <c r="A87" s="15"/>
      <c r="B87" s="15"/>
      <c r="C87" s="15"/>
      <c r="D87" s="15"/>
      <c r="E87" s="15"/>
      <c r="F87" s="15"/>
      <c r="G87" s="15"/>
      <c r="H87" s="15"/>
      <c r="I87" s="15"/>
      <c r="J87" s="15"/>
      <c r="K87" s="15"/>
      <c r="L87" s="15"/>
      <c r="M87" s="15"/>
      <c r="N87" s="15"/>
      <c r="O87" s="15"/>
      <c r="P87" s="15"/>
      <c r="Q87" s="15"/>
      <c r="R87" s="15"/>
      <c r="S87" s="15"/>
      <c r="T87" s="15"/>
      <c r="U87" s="15"/>
      <c r="V87" s="15"/>
      <c r="W87" s="15"/>
      <c r="X87" s="15"/>
      <c r="Y87" s="15"/>
      <c r="Z87" s="15"/>
      <c r="AA87" s="15"/>
      <c r="AB87" s="15"/>
      <c r="AC87" s="15"/>
      <c r="AD87" s="15"/>
      <c r="AE87" s="15"/>
      <c r="AF87" s="15"/>
      <c r="AG87" s="15"/>
    </row>
    <row r="88" spans="1:34" s="1" customFormat="1" ht="15.95" customHeight="1">
      <c r="A88" s="4" t="s">
        <v>54</v>
      </c>
      <c r="B88" s="5"/>
      <c r="C88" s="5"/>
      <c r="D88" s="5"/>
      <c r="E88" s="5"/>
      <c r="F88" s="5"/>
      <c r="G88" s="5"/>
      <c r="H88" s="5"/>
      <c r="I88" s="5"/>
      <c r="J88" s="5"/>
      <c r="K88" s="5"/>
      <c r="L88" s="5"/>
      <c r="M88" s="5"/>
      <c r="N88" s="5"/>
      <c r="O88" s="5"/>
      <c r="P88" s="5"/>
      <c r="Q88" s="5"/>
      <c r="R88" s="5"/>
      <c r="S88" s="5"/>
      <c r="T88" s="5"/>
      <c r="U88" s="5"/>
      <c r="V88" s="5"/>
      <c r="W88" s="5"/>
      <c r="X88" s="5"/>
      <c r="Y88" s="5"/>
      <c r="Z88" s="5"/>
      <c r="AA88" s="5"/>
      <c r="AB88" s="5"/>
      <c r="AC88" s="5"/>
      <c r="AD88" s="5"/>
      <c r="AE88" s="5"/>
      <c r="AF88" s="5"/>
      <c r="AG88" s="5"/>
      <c r="AH88" s="16"/>
    </row>
    <row r="89" spans="1:34" s="30" customFormat="1" ht="15.95" customHeight="1">
      <c r="A89" s="29"/>
      <c r="B89" s="1" t="s">
        <v>351</v>
      </c>
      <c r="C89" s="18"/>
      <c r="D89" s="18"/>
      <c r="E89" s="18"/>
      <c r="F89" s="18"/>
      <c r="G89" s="18"/>
      <c r="H89" s="18"/>
      <c r="I89" s="18"/>
      <c r="J89" s="18"/>
      <c r="K89" s="18"/>
      <c r="L89" s="18"/>
      <c r="M89" s="18"/>
      <c r="N89" s="18"/>
      <c r="O89" s="18"/>
      <c r="P89" s="18"/>
      <c r="Q89" s="18"/>
      <c r="R89" s="18"/>
      <c r="S89" s="18"/>
      <c r="T89" s="18"/>
      <c r="U89" s="18"/>
      <c r="V89" s="18"/>
      <c r="W89" s="18"/>
      <c r="X89" s="18"/>
      <c r="Y89" s="18"/>
      <c r="Z89" s="18"/>
      <c r="AA89" s="18"/>
      <c r="AB89" s="18"/>
      <c r="AC89" s="18"/>
      <c r="AD89" s="18"/>
      <c r="AE89" s="18"/>
      <c r="AF89" s="18"/>
      <c r="AG89" s="13" t="s">
        <v>55</v>
      </c>
      <c r="AH89" s="1"/>
    </row>
    <row r="90" spans="1:34" s="30" customFormat="1" ht="15.95" customHeight="1">
      <c r="A90" s="268" t="s">
        <v>169</v>
      </c>
      <c r="B90" s="269"/>
      <c r="C90" s="269"/>
      <c r="D90" s="269"/>
      <c r="E90" s="269"/>
      <c r="F90" s="269"/>
      <c r="G90" s="269"/>
      <c r="H90" s="269"/>
      <c r="I90" s="269"/>
      <c r="J90" s="269"/>
      <c r="K90" s="269"/>
      <c r="L90" s="269"/>
      <c r="M90" s="621" t="s">
        <v>455</v>
      </c>
      <c r="N90" s="622"/>
      <c r="O90" s="622"/>
      <c r="P90" s="622"/>
      <c r="Q90" s="622"/>
      <c r="R90" s="622"/>
      <c r="S90" s="623"/>
      <c r="T90" s="623">
        <v>2</v>
      </c>
      <c r="U90" s="940"/>
      <c r="V90" s="940"/>
      <c r="W90" s="940"/>
      <c r="X90" s="940"/>
      <c r="Y90" s="940"/>
      <c r="Z90" s="621"/>
      <c r="AA90" s="844">
        <v>3</v>
      </c>
      <c r="AB90" s="844"/>
      <c r="AC90" s="844"/>
      <c r="AD90" s="844"/>
      <c r="AE90" s="844"/>
      <c r="AF90" s="844"/>
      <c r="AG90" s="845"/>
    </row>
    <row r="91" spans="1:34" s="30" customFormat="1" ht="30" customHeight="1">
      <c r="A91" s="270" t="s">
        <v>56</v>
      </c>
      <c r="B91" s="271"/>
      <c r="C91" s="271"/>
      <c r="D91" s="271"/>
      <c r="E91" s="271"/>
      <c r="F91" s="271"/>
      <c r="G91" s="271"/>
      <c r="H91" s="271"/>
      <c r="I91" s="271"/>
      <c r="J91" s="271"/>
      <c r="K91" s="271"/>
      <c r="L91" s="271"/>
      <c r="M91" s="624"/>
      <c r="N91" s="625"/>
      <c r="O91" s="625"/>
      <c r="P91" s="625"/>
      <c r="Q91" s="625"/>
      <c r="R91" s="625"/>
      <c r="S91" s="626"/>
      <c r="T91" s="626"/>
      <c r="U91" s="941"/>
      <c r="V91" s="941"/>
      <c r="W91" s="941"/>
      <c r="X91" s="941"/>
      <c r="Y91" s="941"/>
      <c r="Z91" s="624"/>
      <c r="AA91" s="846"/>
      <c r="AB91" s="846"/>
      <c r="AC91" s="846"/>
      <c r="AD91" s="846"/>
      <c r="AE91" s="846"/>
      <c r="AF91" s="846"/>
      <c r="AG91" s="847"/>
    </row>
    <row r="92" spans="1:34" s="30" customFormat="1" ht="30" customHeight="1">
      <c r="A92" s="618" t="s">
        <v>39</v>
      </c>
      <c r="B92" s="619"/>
      <c r="C92" s="619"/>
      <c r="D92" s="619"/>
      <c r="E92" s="619"/>
      <c r="F92" s="619"/>
      <c r="G92" s="619"/>
      <c r="H92" s="619"/>
      <c r="I92" s="619"/>
      <c r="J92" s="619"/>
      <c r="K92" s="619"/>
      <c r="L92" s="620"/>
      <c r="M92" s="300">
        <v>79</v>
      </c>
      <c r="N92" s="301"/>
      <c r="O92" s="301"/>
      <c r="P92" s="301"/>
      <c r="Q92" s="301"/>
      <c r="R92" s="301"/>
      <c r="S92" s="301"/>
      <c r="T92" s="301">
        <v>82</v>
      </c>
      <c r="U92" s="301"/>
      <c r="V92" s="301"/>
      <c r="W92" s="301"/>
      <c r="X92" s="301"/>
      <c r="Y92" s="301"/>
      <c r="Z92" s="301"/>
      <c r="AA92" s="942">
        <v>81</v>
      </c>
      <c r="AB92" s="942"/>
      <c r="AC92" s="942"/>
      <c r="AD92" s="942"/>
      <c r="AE92" s="942"/>
      <c r="AF92" s="942"/>
      <c r="AG92" s="943"/>
    </row>
    <row r="93" spans="1:34" s="30" customFormat="1" ht="30" customHeight="1">
      <c r="A93" s="31"/>
      <c r="B93" s="281" t="s">
        <v>57</v>
      </c>
      <c r="C93" s="281"/>
      <c r="D93" s="281"/>
      <c r="E93" s="281"/>
      <c r="F93" s="281"/>
      <c r="G93" s="281"/>
      <c r="H93" s="281"/>
      <c r="I93" s="281"/>
      <c r="J93" s="281"/>
      <c r="K93" s="281"/>
      <c r="L93" s="282"/>
      <c r="M93" s="299">
        <v>3923</v>
      </c>
      <c r="N93" s="247"/>
      <c r="O93" s="247"/>
      <c r="P93" s="247"/>
      <c r="Q93" s="247"/>
      <c r="R93" s="247"/>
      <c r="S93" s="247"/>
      <c r="T93" s="247">
        <v>3946</v>
      </c>
      <c r="U93" s="247"/>
      <c r="V93" s="247"/>
      <c r="W93" s="247"/>
      <c r="X93" s="247"/>
      <c r="Y93" s="247"/>
      <c r="Z93" s="247"/>
      <c r="AA93" s="263">
        <v>3931</v>
      </c>
      <c r="AB93" s="263"/>
      <c r="AC93" s="263"/>
      <c r="AD93" s="263"/>
      <c r="AE93" s="263"/>
      <c r="AF93" s="263"/>
      <c r="AG93" s="264"/>
    </row>
    <row r="94" spans="1:34" s="30" customFormat="1" ht="30" customHeight="1">
      <c r="A94" s="33"/>
      <c r="B94" s="34"/>
      <c r="C94" s="32"/>
      <c r="D94" s="32"/>
      <c r="E94" s="32"/>
      <c r="F94" s="32"/>
      <c r="G94" s="32"/>
      <c r="H94" s="32"/>
      <c r="I94" s="32"/>
      <c r="J94" s="141" t="s">
        <v>58</v>
      </c>
      <c r="K94" s="141"/>
      <c r="L94" s="142"/>
      <c r="M94" s="299">
        <v>3049</v>
      </c>
      <c r="N94" s="247"/>
      <c r="O94" s="247"/>
      <c r="P94" s="247"/>
      <c r="Q94" s="247"/>
      <c r="R94" s="247"/>
      <c r="S94" s="247"/>
      <c r="T94" s="247">
        <v>3098</v>
      </c>
      <c r="U94" s="247"/>
      <c r="V94" s="247"/>
      <c r="W94" s="247"/>
      <c r="X94" s="247"/>
      <c r="Y94" s="247"/>
      <c r="Z94" s="247"/>
      <c r="AA94" s="263">
        <v>3137</v>
      </c>
      <c r="AB94" s="263"/>
      <c r="AC94" s="263"/>
      <c r="AD94" s="263"/>
      <c r="AE94" s="263"/>
      <c r="AF94" s="263"/>
      <c r="AG94" s="264"/>
    </row>
    <row r="95" spans="1:34" s="30" customFormat="1" ht="39.950000000000003" customHeight="1">
      <c r="A95" s="33"/>
      <c r="B95" s="32"/>
      <c r="C95" s="32"/>
      <c r="D95" s="32"/>
      <c r="E95" s="32"/>
      <c r="F95" s="32"/>
      <c r="G95" s="32"/>
      <c r="H95" s="32"/>
      <c r="I95" s="32"/>
      <c r="J95" s="141" t="s">
        <v>59</v>
      </c>
      <c r="K95" s="141"/>
      <c r="L95" s="142"/>
      <c r="M95" s="299">
        <v>874</v>
      </c>
      <c r="N95" s="247"/>
      <c r="O95" s="247"/>
      <c r="P95" s="247"/>
      <c r="Q95" s="247"/>
      <c r="R95" s="247"/>
      <c r="S95" s="247"/>
      <c r="T95" s="247">
        <v>848</v>
      </c>
      <c r="U95" s="247"/>
      <c r="V95" s="247"/>
      <c r="W95" s="247"/>
      <c r="X95" s="247"/>
      <c r="Y95" s="247"/>
      <c r="Z95" s="247"/>
      <c r="AA95" s="263">
        <v>794</v>
      </c>
      <c r="AB95" s="263"/>
      <c r="AC95" s="263"/>
      <c r="AD95" s="263"/>
      <c r="AE95" s="263"/>
      <c r="AF95" s="263"/>
      <c r="AG95" s="264"/>
    </row>
    <row r="96" spans="1:34" s="30" customFormat="1" ht="30" customHeight="1">
      <c r="A96" s="31"/>
      <c r="B96" s="281" t="s">
        <v>60</v>
      </c>
      <c r="C96" s="281"/>
      <c r="D96" s="281"/>
      <c r="E96" s="281"/>
      <c r="F96" s="281"/>
      <c r="G96" s="281"/>
      <c r="H96" s="281"/>
      <c r="I96" s="281"/>
      <c r="J96" s="281"/>
      <c r="K96" s="281"/>
      <c r="L96" s="282"/>
      <c r="M96" s="299">
        <v>2195067</v>
      </c>
      <c r="N96" s="247"/>
      <c r="O96" s="247"/>
      <c r="P96" s="247"/>
      <c r="Q96" s="247"/>
      <c r="R96" s="247"/>
      <c r="S96" s="247"/>
      <c r="T96" s="247">
        <v>2208310</v>
      </c>
      <c r="U96" s="247"/>
      <c r="V96" s="247"/>
      <c r="W96" s="247"/>
      <c r="X96" s="247"/>
      <c r="Y96" s="247"/>
      <c r="Z96" s="247"/>
      <c r="AA96" s="263">
        <v>2153702</v>
      </c>
      <c r="AB96" s="263"/>
      <c r="AC96" s="263"/>
      <c r="AD96" s="263"/>
      <c r="AE96" s="263"/>
      <c r="AF96" s="263"/>
      <c r="AG96" s="264"/>
    </row>
    <row r="97" spans="1:36" s="30" customFormat="1" ht="30" customHeight="1">
      <c r="A97" s="31"/>
      <c r="B97" s="260" t="s">
        <v>61</v>
      </c>
      <c r="C97" s="260"/>
      <c r="D97" s="260"/>
      <c r="E97" s="260"/>
      <c r="F97" s="260"/>
      <c r="G97" s="260"/>
      <c r="H97" s="260"/>
      <c r="I97" s="260"/>
      <c r="J97" s="260"/>
      <c r="K97" s="260"/>
      <c r="L97" s="261"/>
      <c r="M97" s="299">
        <v>11233225</v>
      </c>
      <c r="N97" s="247"/>
      <c r="O97" s="247"/>
      <c r="P97" s="247"/>
      <c r="Q97" s="247"/>
      <c r="R97" s="247"/>
      <c r="S97" s="247"/>
      <c r="T97" s="305">
        <v>11886059</v>
      </c>
      <c r="U97" s="305"/>
      <c r="V97" s="305"/>
      <c r="W97" s="305"/>
      <c r="X97" s="305"/>
      <c r="Y97" s="305"/>
      <c r="Z97" s="305"/>
      <c r="AA97" s="303">
        <v>8784319</v>
      </c>
      <c r="AB97" s="303"/>
      <c r="AC97" s="303"/>
      <c r="AD97" s="303"/>
      <c r="AE97" s="303"/>
      <c r="AF97" s="303"/>
      <c r="AG97" s="304"/>
    </row>
    <row r="98" spans="1:36" s="30" customFormat="1" ht="30" customHeight="1">
      <c r="A98" s="31"/>
      <c r="B98" s="281" t="s">
        <v>62</v>
      </c>
      <c r="C98" s="281"/>
      <c r="D98" s="281"/>
      <c r="E98" s="281"/>
      <c r="F98" s="281"/>
      <c r="G98" s="281"/>
      <c r="H98" s="281"/>
      <c r="I98" s="281"/>
      <c r="J98" s="281"/>
      <c r="K98" s="281"/>
      <c r="L98" s="282"/>
      <c r="M98" s="299">
        <v>23093679</v>
      </c>
      <c r="N98" s="247"/>
      <c r="O98" s="247"/>
      <c r="P98" s="247"/>
      <c r="Q98" s="247"/>
      <c r="R98" s="247"/>
      <c r="S98" s="247"/>
      <c r="T98" s="247">
        <v>23224756</v>
      </c>
      <c r="U98" s="247"/>
      <c r="V98" s="247"/>
      <c r="W98" s="247"/>
      <c r="X98" s="247"/>
      <c r="Y98" s="247"/>
      <c r="Z98" s="247"/>
      <c r="AA98" s="303">
        <v>16873592</v>
      </c>
      <c r="AB98" s="303"/>
      <c r="AC98" s="303"/>
      <c r="AD98" s="303"/>
      <c r="AE98" s="303"/>
      <c r="AF98" s="303"/>
      <c r="AG98" s="304"/>
    </row>
    <row r="99" spans="1:36" s="30" customFormat="1" ht="30" customHeight="1">
      <c r="A99" s="33"/>
      <c r="B99" s="34"/>
      <c r="C99" s="260" t="s">
        <v>63</v>
      </c>
      <c r="D99" s="260"/>
      <c r="E99" s="260"/>
      <c r="F99" s="260"/>
      <c r="G99" s="260"/>
      <c r="H99" s="260"/>
      <c r="I99" s="260"/>
      <c r="J99" s="260"/>
      <c r="K99" s="260"/>
      <c r="L99" s="261"/>
      <c r="M99" s="299">
        <v>22432765</v>
      </c>
      <c r="N99" s="247"/>
      <c r="O99" s="247"/>
      <c r="P99" s="247"/>
      <c r="Q99" s="247"/>
      <c r="R99" s="247"/>
      <c r="S99" s="247"/>
      <c r="T99" s="247">
        <v>22533939</v>
      </c>
      <c r="U99" s="247"/>
      <c r="V99" s="247"/>
      <c r="W99" s="247"/>
      <c r="X99" s="247"/>
      <c r="Y99" s="247"/>
      <c r="Z99" s="247"/>
      <c r="AA99" s="303">
        <v>16189123</v>
      </c>
      <c r="AB99" s="303"/>
      <c r="AC99" s="303"/>
      <c r="AD99" s="303"/>
      <c r="AE99" s="303"/>
      <c r="AF99" s="303"/>
      <c r="AG99" s="304"/>
    </row>
    <row r="100" spans="1:36" s="30" customFormat="1" ht="30" customHeight="1">
      <c r="A100" s="33"/>
      <c r="B100" s="34"/>
      <c r="C100" s="260" t="s">
        <v>64</v>
      </c>
      <c r="D100" s="260"/>
      <c r="E100" s="260"/>
      <c r="F100" s="260"/>
      <c r="G100" s="260"/>
      <c r="H100" s="260"/>
      <c r="I100" s="260"/>
      <c r="J100" s="260"/>
      <c r="K100" s="260"/>
      <c r="L100" s="261"/>
      <c r="M100" s="299">
        <v>228952</v>
      </c>
      <c r="N100" s="247"/>
      <c r="O100" s="247"/>
      <c r="P100" s="247"/>
      <c r="Q100" s="247"/>
      <c r="R100" s="247"/>
      <c r="S100" s="247"/>
      <c r="T100" s="247">
        <v>279153</v>
      </c>
      <c r="U100" s="247"/>
      <c r="V100" s="247"/>
      <c r="W100" s="247"/>
      <c r="X100" s="247"/>
      <c r="Y100" s="247"/>
      <c r="Z100" s="247"/>
      <c r="AA100" s="303">
        <v>214044</v>
      </c>
      <c r="AB100" s="303"/>
      <c r="AC100" s="303"/>
      <c r="AD100" s="303"/>
      <c r="AE100" s="303"/>
      <c r="AF100" s="303"/>
      <c r="AG100" s="304"/>
    </row>
    <row r="101" spans="1:36" s="30" customFormat="1" ht="30" customHeight="1">
      <c r="A101" s="33"/>
      <c r="B101" s="34"/>
      <c r="C101" s="260" t="s">
        <v>308</v>
      </c>
      <c r="D101" s="260"/>
      <c r="E101" s="260"/>
      <c r="F101" s="260"/>
      <c r="G101" s="260"/>
      <c r="H101" s="260"/>
      <c r="I101" s="260"/>
      <c r="J101" s="260"/>
      <c r="K101" s="260"/>
      <c r="L101" s="261"/>
      <c r="M101" s="299">
        <v>431962</v>
      </c>
      <c r="N101" s="247"/>
      <c r="O101" s="247"/>
      <c r="P101" s="247"/>
      <c r="Q101" s="247"/>
      <c r="R101" s="247"/>
      <c r="S101" s="247"/>
      <c r="T101" s="247">
        <v>411664</v>
      </c>
      <c r="U101" s="247"/>
      <c r="V101" s="247"/>
      <c r="W101" s="247"/>
      <c r="X101" s="247"/>
      <c r="Y101" s="247"/>
      <c r="Z101" s="247"/>
      <c r="AA101" s="303">
        <v>470425</v>
      </c>
      <c r="AB101" s="303"/>
      <c r="AC101" s="303"/>
      <c r="AD101" s="303"/>
      <c r="AE101" s="303"/>
      <c r="AF101" s="303"/>
      <c r="AG101" s="304"/>
    </row>
    <row r="102" spans="1:36" s="30" customFormat="1" ht="30" customHeight="1">
      <c r="A102" s="33"/>
      <c r="B102" s="279" t="s">
        <v>183</v>
      </c>
      <c r="C102" s="279"/>
      <c r="D102" s="279"/>
      <c r="E102" s="279"/>
      <c r="F102" s="279"/>
      <c r="G102" s="279"/>
      <c r="H102" s="279"/>
      <c r="I102" s="279"/>
      <c r="J102" s="279"/>
      <c r="K102" s="279"/>
      <c r="L102" s="280"/>
      <c r="M102" s="247">
        <v>10448505</v>
      </c>
      <c r="N102" s="247"/>
      <c r="O102" s="247"/>
      <c r="P102" s="247"/>
      <c r="Q102" s="247"/>
      <c r="R102" s="247"/>
      <c r="S102" s="247"/>
      <c r="T102" s="247">
        <v>9925720</v>
      </c>
      <c r="U102" s="247"/>
      <c r="V102" s="247"/>
      <c r="W102" s="247"/>
      <c r="X102" s="247"/>
      <c r="Y102" s="247"/>
      <c r="Z102" s="247"/>
      <c r="AA102" s="303">
        <v>6733679</v>
      </c>
      <c r="AB102" s="303"/>
      <c r="AC102" s="303"/>
      <c r="AD102" s="303"/>
      <c r="AE102" s="303"/>
      <c r="AF102" s="303"/>
      <c r="AG102" s="304"/>
    </row>
    <row r="103" spans="1:36" s="30" customFormat="1" ht="15.95" customHeight="1">
      <c r="A103" s="33"/>
      <c r="B103" s="35"/>
      <c r="C103" s="35"/>
      <c r="D103" s="35"/>
      <c r="E103" s="35"/>
      <c r="F103" s="35"/>
      <c r="G103" s="35"/>
      <c r="H103" s="35"/>
      <c r="I103" s="35"/>
      <c r="J103" s="35"/>
      <c r="K103" s="35"/>
      <c r="L103" s="36"/>
      <c r="M103" s="247"/>
      <c r="N103" s="247"/>
      <c r="O103" s="247"/>
      <c r="P103" s="247"/>
      <c r="Q103" s="247"/>
      <c r="R103" s="247"/>
      <c r="S103" s="247"/>
      <c r="T103" s="247"/>
      <c r="U103" s="247"/>
      <c r="V103" s="247"/>
      <c r="W103" s="247"/>
      <c r="X103" s="247"/>
      <c r="Y103" s="247"/>
      <c r="Z103" s="247"/>
      <c r="AA103" s="627"/>
      <c r="AB103" s="627"/>
      <c r="AC103" s="627"/>
      <c r="AD103" s="627"/>
      <c r="AE103" s="627"/>
      <c r="AF103" s="627"/>
      <c r="AG103" s="628"/>
    </row>
    <row r="104" spans="1:36" s="30" customFormat="1" ht="15.95" customHeight="1">
      <c r="A104" s="33"/>
      <c r="B104" s="281" t="s">
        <v>65</v>
      </c>
      <c r="C104" s="281"/>
      <c r="D104" s="281"/>
      <c r="E104" s="281"/>
      <c r="F104" s="281"/>
      <c r="G104" s="281"/>
      <c r="H104" s="281"/>
      <c r="I104" s="281"/>
      <c r="J104" s="281"/>
      <c r="K104" s="281"/>
      <c r="L104" s="282"/>
      <c r="M104" s="247"/>
      <c r="N104" s="247"/>
      <c r="O104" s="247"/>
      <c r="P104" s="247"/>
      <c r="Q104" s="247"/>
      <c r="R104" s="247"/>
      <c r="S104" s="247"/>
      <c r="T104" s="247"/>
      <c r="U104" s="247"/>
      <c r="V104" s="247"/>
      <c r="W104" s="247"/>
      <c r="X104" s="247"/>
      <c r="Y104" s="247"/>
      <c r="Z104" s="247"/>
      <c r="AA104" s="263"/>
      <c r="AB104" s="263"/>
      <c r="AC104" s="263"/>
      <c r="AD104" s="263"/>
      <c r="AE104" s="263"/>
      <c r="AF104" s="263"/>
      <c r="AG104" s="264"/>
    </row>
    <row r="105" spans="1:36" s="30" customFormat="1" ht="30" customHeight="1">
      <c r="A105" s="33"/>
      <c r="B105" s="141" t="s">
        <v>66</v>
      </c>
      <c r="C105" s="141"/>
      <c r="D105" s="141"/>
      <c r="E105" s="141"/>
      <c r="F105" s="141"/>
      <c r="G105" s="141"/>
      <c r="H105" s="141"/>
      <c r="I105" s="141"/>
      <c r="J105" s="141"/>
      <c r="K105" s="141"/>
      <c r="L105" s="142"/>
      <c r="M105" s="247"/>
      <c r="N105" s="247"/>
      <c r="O105" s="247"/>
      <c r="P105" s="247"/>
      <c r="Q105" s="247"/>
      <c r="R105" s="247"/>
      <c r="S105" s="247"/>
      <c r="T105" s="247"/>
      <c r="U105" s="247"/>
      <c r="V105" s="247"/>
      <c r="W105" s="247"/>
      <c r="X105" s="247"/>
      <c r="Y105" s="247"/>
      <c r="Z105" s="247"/>
      <c r="AA105" s="263"/>
      <c r="AB105" s="263"/>
      <c r="AC105" s="263"/>
      <c r="AD105" s="263"/>
      <c r="AE105" s="263"/>
      <c r="AF105" s="263"/>
      <c r="AG105" s="264"/>
      <c r="AJ105" s="38"/>
    </row>
    <row r="106" spans="1:36" s="30" customFormat="1" ht="30" customHeight="1">
      <c r="A106" s="33"/>
      <c r="B106" s="37"/>
      <c r="C106" s="260" t="s">
        <v>67</v>
      </c>
      <c r="D106" s="260"/>
      <c r="E106" s="260"/>
      <c r="F106" s="260"/>
      <c r="G106" s="260"/>
      <c r="H106" s="260"/>
      <c r="I106" s="260"/>
      <c r="J106" s="260"/>
      <c r="K106" s="260"/>
      <c r="L106" s="261"/>
      <c r="M106" s="247">
        <v>6070122</v>
      </c>
      <c r="N106" s="247"/>
      <c r="O106" s="247"/>
      <c r="P106" s="247"/>
      <c r="Q106" s="247"/>
      <c r="R106" s="247"/>
      <c r="S106" s="247"/>
      <c r="T106" s="247">
        <v>6316803</v>
      </c>
      <c r="U106" s="247"/>
      <c r="V106" s="247"/>
      <c r="W106" s="247"/>
      <c r="X106" s="247"/>
      <c r="Y106" s="247"/>
      <c r="Z106" s="247"/>
      <c r="AA106" s="263">
        <v>6203269</v>
      </c>
      <c r="AB106" s="263"/>
      <c r="AC106" s="263"/>
      <c r="AD106" s="263"/>
      <c r="AE106" s="263"/>
      <c r="AF106" s="263"/>
      <c r="AG106" s="264"/>
    </row>
    <row r="107" spans="1:36" s="30" customFormat="1" ht="30" customHeight="1">
      <c r="A107" s="33"/>
      <c r="B107" s="37"/>
      <c r="C107" s="260" t="s">
        <v>68</v>
      </c>
      <c r="D107" s="260"/>
      <c r="E107" s="260"/>
      <c r="F107" s="260"/>
      <c r="G107" s="260"/>
      <c r="H107" s="260"/>
      <c r="I107" s="260"/>
      <c r="J107" s="260"/>
      <c r="K107" s="260"/>
      <c r="L107" s="261"/>
      <c r="M107" s="247">
        <v>769484</v>
      </c>
      <c r="N107" s="247"/>
      <c r="O107" s="247"/>
      <c r="P107" s="247"/>
      <c r="Q107" s="247"/>
      <c r="R107" s="247"/>
      <c r="S107" s="247"/>
      <c r="T107" s="247">
        <v>400864</v>
      </c>
      <c r="U107" s="247"/>
      <c r="V107" s="247"/>
      <c r="W107" s="247"/>
      <c r="X107" s="247"/>
      <c r="Y107" s="247"/>
      <c r="Z107" s="247"/>
      <c r="AA107" s="263">
        <v>457476</v>
      </c>
      <c r="AB107" s="263"/>
      <c r="AC107" s="263"/>
      <c r="AD107" s="263"/>
      <c r="AE107" s="263"/>
      <c r="AF107" s="263"/>
      <c r="AG107" s="264"/>
    </row>
    <row r="108" spans="1:36" s="30" customFormat="1" ht="29.25" customHeight="1">
      <c r="A108" s="31"/>
      <c r="B108" s="34"/>
      <c r="C108" s="260" t="s">
        <v>69</v>
      </c>
      <c r="D108" s="260"/>
      <c r="E108" s="260"/>
      <c r="F108" s="260"/>
      <c r="G108" s="260"/>
      <c r="H108" s="260"/>
      <c r="I108" s="260"/>
      <c r="J108" s="260"/>
      <c r="K108" s="260"/>
      <c r="L108" s="261"/>
      <c r="M108" s="247">
        <v>24170</v>
      </c>
      <c r="N108" s="247"/>
      <c r="O108" s="247"/>
      <c r="P108" s="247"/>
      <c r="Q108" s="247"/>
      <c r="R108" s="247"/>
      <c r="S108" s="247"/>
      <c r="T108" s="247">
        <v>10097</v>
      </c>
      <c r="U108" s="247"/>
      <c r="V108" s="247"/>
      <c r="W108" s="247"/>
      <c r="X108" s="247"/>
      <c r="Y108" s="247"/>
      <c r="Z108" s="247"/>
      <c r="AA108" s="263">
        <v>45232</v>
      </c>
      <c r="AB108" s="263"/>
      <c r="AC108" s="263"/>
      <c r="AD108" s="263"/>
      <c r="AE108" s="263"/>
      <c r="AF108" s="263"/>
      <c r="AG108" s="264"/>
    </row>
    <row r="109" spans="1:36" s="34" customFormat="1" ht="29.25" customHeight="1">
      <c r="A109" s="39"/>
      <c r="B109" s="40"/>
      <c r="C109" s="367" t="s">
        <v>70</v>
      </c>
      <c r="D109" s="367"/>
      <c r="E109" s="367"/>
      <c r="F109" s="367" t="s">
        <v>71</v>
      </c>
      <c r="G109" s="367"/>
      <c r="H109" s="367"/>
      <c r="I109" s="367"/>
      <c r="J109" s="367"/>
      <c r="K109" s="367"/>
      <c r="L109" s="368"/>
      <c r="M109" s="272">
        <v>621159</v>
      </c>
      <c r="N109" s="272"/>
      <c r="O109" s="272"/>
      <c r="P109" s="272"/>
      <c r="Q109" s="272"/>
      <c r="R109" s="272"/>
      <c r="S109" s="272"/>
      <c r="T109" s="272">
        <v>655977</v>
      </c>
      <c r="U109" s="272"/>
      <c r="V109" s="272"/>
      <c r="W109" s="272"/>
      <c r="X109" s="272"/>
      <c r="Y109" s="272"/>
      <c r="Z109" s="272"/>
      <c r="AA109" s="369">
        <v>654416</v>
      </c>
      <c r="AB109" s="369"/>
      <c r="AC109" s="369"/>
      <c r="AD109" s="369"/>
      <c r="AE109" s="369"/>
      <c r="AF109" s="369"/>
      <c r="AG109" s="370"/>
      <c r="AH109" s="30"/>
    </row>
    <row r="110" spans="1:36" s="34" customFormat="1" ht="13.5" customHeight="1">
      <c r="A110" s="41" t="s">
        <v>305</v>
      </c>
      <c r="B110" s="42"/>
      <c r="C110" s="42"/>
      <c r="D110" s="42"/>
      <c r="E110" s="42"/>
      <c r="F110" s="42"/>
      <c r="G110" s="42"/>
      <c r="H110" s="42"/>
      <c r="I110" s="42"/>
      <c r="J110" s="42"/>
      <c r="K110" s="42"/>
      <c r="L110" s="42"/>
      <c r="M110" s="42"/>
      <c r="N110" s="42"/>
      <c r="O110" s="42"/>
      <c r="P110" s="42"/>
      <c r="Q110" s="42"/>
      <c r="R110" s="42"/>
      <c r="S110" s="42"/>
      <c r="T110" s="42"/>
      <c r="U110" s="42"/>
      <c r="W110" s="43"/>
      <c r="Y110" s="43"/>
      <c r="Z110" s="43"/>
      <c r="AA110" s="43"/>
      <c r="AB110" s="43"/>
      <c r="AC110" s="43"/>
      <c r="AD110" s="43"/>
      <c r="AE110" s="43"/>
      <c r="AF110" s="43"/>
      <c r="AG110" s="43" t="s">
        <v>426</v>
      </c>
    </row>
    <row r="111" spans="1:36" s="34" customFormat="1" ht="13.5" customHeight="1">
      <c r="A111" s="41" t="s">
        <v>425</v>
      </c>
      <c r="B111" s="42"/>
      <c r="C111" s="42"/>
      <c r="D111" s="42"/>
      <c r="E111" s="42"/>
      <c r="F111" s="42"/>
      <c r="G111" s="42"/>
      <c r="H111" s="42"/>
      <c r="I111" s="42"/>
      <c r="J111" s="42"/>
      <c r="K111" s="42"/>
      <c r="L111" s="42"/>
      <c r="M111" s="42"/>
      <c r="N111" s="42"/>
      <c r="O111" s="42"/>
      <c r="P111" s="42"/>
      <c r="Q111" s="42"/>
      <c r="R111" s="42"/>
      <c r="S111" s="42"/>
      <c r="T111" s="42"/>
      <c r="U111" s="42"/>
      <c r="W111" s="43"/>
      <c r="Y111" s="43"/>
      <c r="Z111" s="43"/>
      <c r="AA111" s="43"/>
      <c r="AB111" s="43"/>
      <c r="AC111" s="43"/>
      <c r="AD111" s="43"/>
      <c r="AE111" s="43"/>
      <c r="AF111" s="43"/>
      <c r="AG111" s="43"/>
    </row>
    <row r="112" spans="1:36" s="34" customFormat="1" ht="13.5" customHeight="1">
      <c r="A112" s="41" t="s">
        <v>427</v>
      </c>
      <c r="B112" s="42"/>
      <c r="C112" s="42"/>
      <c r="D112" s="42"/>
      <c r="E112" s="42"/>
      <c r="F112" s="42"/>
      <c r="G112" s="42"/>
      <c r="H112" s="42"/>
      <c r="I112" s="42"/>
      <c r="J112" s="42"/>
      <c r="K112" s="42"/>
      <c r="L112" s="42"/>
      <c r="M112" s="42"/>
      <c r="N112" s="42"/>
      <c r="O112" s="42"/>
      <c r="P112" s="42"/>
      <c r="Q112" s="42"/>
      <c r="R112" s="42"/>
      <c r="S112" s="42"/>
      <c r="T112" s="42"/>
      <c r="U112" s="42"/>
      <c r="W112" s="43"/>
      <c r="Y112" s="43"/>
      <c r="Z112" s="43"/>
      <c r="AA112" s="43"/>
      <c r="AB112" s="43"/>
      <c r="AC112" s="43"/>
      <c r="AD112" s="43"/>
      <c r="AE112" s="43"/>
      <c r="AF112" s="43"/>
      <c r="AG112" s="43"/>
    </row>
    <row r="113" spans="1:34" s="30" customFormat="1" ht="20.100000000000001" customHeight="1">
      <c r="A113" s="41"/>
      <c r="B113" s="42"/>
      <c r="C113" s="42"/>
      <c r="D113" s="42"/>
      <c r="E113" s="42"/>
      <c r="F113" s="42"/>
      <c r="G113" s="42"/>
      <c r="H113" s="42"/>
      <c r="I113" s="42"/>
      <c r="J113" s="42"/>
      <c r="K113" s="42"/>
      <c r="L113" s="42"/>
      <c r="M113" s="42"/>
      <c r="N113" s="42"/>
      <c r="O113" s="42"/>
      <c r="P113" s="42"/>
      <c r="Q113" s="42"/>
      <c r="R113" s="42"/>
      <c r="S113" s="42"/>
      <c r="T113" s="42"/>
      <c r="U113" s="42"/>
      <c r="V113" s="43"/>
      <c r="W113" s="43"/>
      <c r="X113" s="43"/>
      <c r="Y113" s="43"/>
      <c r="Z113" s="43"/>
      <c r="AA113" s="43"/>
      <c r="AB113" s="43"/>
      <c r="AC113" s="43"/>
      <c r="AD113" s="43"/>
      <c r="AE113" s="43"/>
      <c r="AF113" s="43"/>
      <c r="AG113" s="34"/>
      <c r="AH113" s="34"/>
    </row>
    <row r="114" spans="1:34" s="30" customFormat="1" ht="15.95" customHeight="1">
      <c r="A114" s="44" t="s">
        <v>73</v>
      </c>
      <c r="B114" s="18"/>
      <c r="C114" s="45"/>
      <c r="D114" s="45"/>
      <c r="E114" s="45"/>
      <c r="F114" s="45"/>
      <c r="G114" s="45"/>
      <c r="H114" s="45"/>
      <c r="I114" s="46"/>
      <c r="J114" s="46"/>
      <c r="K114" s="46"/>
      <c r="L114" s="46"/>
      <c r="M114" s="46"/>
      <c r="N114" s="46"/>
      <c r="O114" s="46"/>
      <c r="P114" s="46"/>
      <c r="Q114" s="46"/>
      <c r="R114" s="46"/>
      <c r="S114" s="46"/>
      <c r="T114" s="46"/>
      <c r="U114" s="46"/>
      <c r="V114" s="46"/>
      <c r="W114" s="46"/>
      <c r="X114" s="46"/>
      <c r="Y114" s="46"/>
      <c r="Z114" s="46"/>
      <c r="AA114" s="46"/>
      <c r="AB114" s="46"/>
      <c r="AC114" s="46"/>
      <c r="AD114" s="46"/>
      <c r="AE114" s="46"/>
      <c r="AF114" s="46"/>
      <c r="AG114" s="46"/>
    </row>
    <row r="115" spans="1:34" s="3" customFormat="1" ht="21" customHeight="1">
      <c r="A115" s="44"/>
      <c r="B115" s="47" t="s">
        <v>390</v>
      </c>
      <c r="C115" s="45"/>
      <c r="D115" s="45"/>
      <c r="E115" s="45"/>
      <c r="F115" s="45"/>
      <c r="G115" s="45"/>
      <c r="H115" s="45"/>
      <c r="I115" s="46"/>
      <c r="J115" s="46"/>
      <c r="K115" s="46"/>
      <c r="L115" s="46"/>
      <c r="M115" s="46"/>
      <c r="N115" s="46"/>
      <c r="O115" s="46"/>
      <c r="P115" s="46"/>
      <c r="Q115" s="46"/>
      <c r="R115" s="46"/>
      <c r="S115" s="46"/>
      <c r="T115" s="46"/>
      <c r="U115" s="46"/>
      <c r="V115" s="46"/>
      <c r="W115" s="46"/>
      <c r="X115" s="46"/>
      <c r="Y115" s="46"/>
      <c r="Z115" s="46"/>
      <c r="AA115" s="46"/>
      <c r="AB115" s="46"/>
      <c r="AC115" s="46"/>
      <c r="AD115" s="46"/>
      <c r="AE115" s="46"/>
      <c r="AF115" s="46"/>
      <c r="AG115" s="13" t="s">
        <v>55</v>
      </c>
      <c r="AH115" s="30"/>
    </row>
    <row r="116" spans="1:34" s="3" customFormat="1" ht="21" customHeight="1">
      <c r="A116" s="214" t="s">
        <v>38</v>
      </c>
      <c r="B116" s="215"/>
      <c r="C116" s="215"/>
      <c r="D116" s="215"/>
      <c r="E116" s="215"/>
      <c r="F116" s="216"/>
      <c r="G116" s="252" t="s">
        <v>39</v>
      </c>
      <c r="H116" s="253"/>
      <c r="I116" s="253"/>
      <c r="J116" s="253"/>
      <c r="K116" s="254"/>
      <c r="L116" s="253" t="s">
        <v>40</v>
      </c>
      <c r="M116" s="253"/>
      <c r="N116" s="253"/>
      <c r="O116" s="253"/>
      <c r="P116" s="254"/>
      <c r="Q116" s="273" t="s">
        <v>170</v>
      </c>
      <c r="R116" s="273"/>
      <c r="S116" s="273"/>
      <c r="T116" s="274"/>
      <c r="U116" s="178" t="s">
        <v>168</v>
      </c>
      <c r="V116" s="178"/>
      <c r="W116" s="178"/>
      <c r="X116" s="374"/>
      <c r="Y116" s="174" t="s">
        <v>74</v>
      </c>
      <c r="Z116" s="175"/>
      <c r="AA116" s="175"/>
      <c r="AB116" s="175"/>
      <c r="AC116" s="175"/>
      <c r="AD116" s="175"/>
      <c r="AE116" s="175"/>
      <c r="AF116" s="175"/>
      <c r="AG116" s="373"/>
    </row>
    <row r="117" spans="1:34" s="3" customFormat="1" ht="21" customHeight="1">
      <c r="A117" s="629"/>
      <c r="B117" s="630"/>
      <c r="C117" s="630"/>
      <c r="D117" s="630"/>
      <c r="E117" s="630"/>
      <c r="F117" s="631"/>
      <c r="G117" s="255"/>
      <c r="H117" s="256"/>
      <c r="I117" s="256"/>
      <c r="J117" s="256"/>
      <c r="K117" s="257"/>
      <c r="L117" s="256"/>
      <c r="M117" s="256"/>
      <c r="N117" s="256"/>
      <c r="O117" s="256"/>
      <c r="P117" s="257"/>
      <c r="Q117" s="275"/>
      <c r="R117" s="275"/>
      <c r="S117" s="275"/>
      <c r="T117" s="276"/>
      <c r="U117" s="181"/>
      <c r="V117" s="181"/>
      <c r="W117" s="181"/>
      <c r="X117" s="375"/>
      <c r="Y117" s="256" t="s">
        <v>45</v>
      </c>
      <c r="Z117" s="256"/>
      <c r="AA117" s="256"/>
      <c r="AB117" s="256"/>
      <c r="AC117" s="257"/>
      <c r="AD117" s="275" t="s">
        <v>153</v>
      </c>
      <c r="AE117" s="275"/>
      <c r="AF117" s="275"/>
      <c r="AG117" s="371"/>
    </row>
    <row r="118" spans="1:34" s="48" customFormat="1" ht="21" customHeight="1">
      <c r="A118" s="157" t="s">
        <v>75</v>
      </c>
      <c r="B118" s="158"/>
      <c r="C118" s="158"/>
      <c r="D118" s="158"/>
      <c r="E118" s="158"/>
      <c r="F118" s="159"/>
      <c r="G118" s="233"/>
      <c r="H118" s="234"/>
      <c r="I118" s="234"/>
      <c r="J118" s="234"/>
      <c r="K118" s="235"/>
      <c r="L118" s="234"/>
      <c r="M118" s="234"/>
      <c r="N118" s="234"/>
      <c r="O118" s="234"/>
      <c r="P118" s="235"/>
      <c r="Q118" s="277"/>
      <c r="R118" s="277"/>
      <c r="S118" s="277"/>
      <c r="T118" s="278"/>
      <c r="U118" s="184"/>
      <c r="V118" s="184"/>
      <c r="W118" s="184"/>
      <c r="X118" s="376"/>
      <c r="Y118" s="234"/>
      <c r="Z118" s="234"/>
      <c r="AA118" s="234"/>
      <c r="AB118" s="234"/>
      <c r="AC118" s="235"/>
      <c r="AD118" s="277"/>
      <c r="AE118" s="277"/>
      <c r="AF118" s="277"/>
      <c r="AG118" s="372"/>
      <c r="AH118" s="3"/>
    </row>
    <row r="119" spans="1:34" s="3" customFormat="1" ht="21" customHeight="1">
      <c r="A119" s="567" t="s">
        <v>50</v>
      </c>
      <c r="B119" s="568"/>
      <c r="C119" s="568"/>
      <c r="D119" s="568"/>
      <c r="E119" s="568"/>
      <c r="F119" s="569"/>
      <c r="G119" s="262">
        <v>81</v>
      </c>
      <c r="H119" s="262"/>
      <c r="I119" s="262"/>
      <c r="J119" s="262"/>
      <c r="K119" s="262"/>
      <c r="L119" s="262">
        <v>4202</v>
      </c>
      <c r="M119" s="262"/>
      <c r="N119" s="262"/>
      <c r="O119" s="262"/>
      <c r="P119" s="262"/>
      <c r="Q119" s="284">
        <v>2153702</v>
      </c>
      <c r="R119" s="284"/>
      <c r="S119" s="284"/>
      <c r="T119" s="284"/>
      <c r="U119" s="284">
        <v>8784319</v>
      </c>
      <c r="V119" s="284"/>
      <c r="W119" s="284"/>
      <c r="X119" s="284"/>
      <c r="Y119" s="262">
        <v>16873592</v>
      </c>
      <c r="Z119" s="262"/>
      <c r="AA119" s="262"/>
      <c r="AB119" s="262"/>
      <c r="AC119" s="262"/>
      <c r="AD119" s="593">
        <v>16189123</v>
      </c>
      <c r="AE119" s="593"/>
      <c r="AF119" s="593"/>
      <c r="AG119" s="594"/>
      <c r="AH119" s="48"/>
    </row>
    <row r="120" spans="1:34" s="3" customFormat="1" ht="21" customHeight="1">
      <c r="A120" s="249" t="s">
        <v>428</v>
      </c>
      <c r="B120" s="250"/>
      <c r="C120" s="250"/>
      <c r="D120" s="250"/>
      <c r="E120" s="250"/>
      <c r="F120" s="251"/>
      <c r="G120" s="248">
        <v>29</v>
      </c>
      <c r="H120" s="248"/>
      <c r="I120" s="248"/>
      <c r="J120" s="248"/>
      <c r="K120" s="248"/>
      <c r="L120" s="248">
        <v>175</v>
      </c>
      <c r="M120" s="248"/>
      <c r="N120" s="248"/>
      <c r="O120" s="248"/>
      <c r="P120" s="248"/>
      <c r="Q120" s="283">
        <v>53531</v>
      </c>
      <c r="R120" s="283">
        <v>53531</v>
      </c>
      <c r="S120" s="283">
        <v>53531</v>
      </c>
      <c r="T120" s="283">
        <v>53531</v>
      </c>
      <c r="U120" s="133">
        <v>159640</v>
      </c>
      <c r="V120" s="133">
        <v>159640</v>
      </c>
      <c r="W120" s="133">
        <v>159640</v>
      </c>
      <c r="X120" s="133">
        <v>159640</v>
      </c>
      <c r="Y120" s="131">
        <v>287543</v>
      </c>
      <c r="Z120" s="131">
        <v>287543</v>
      </c>
      <c r="AA120" s="131">
        <v>287543</v>
      </c>
      <c r="AB120" s="131">
        <v>287543</v>
      </c>
      <c r="AC120" s="131">
        <v>287543</v>
      </c>
      <c r="AD120" s="133">
        <v>191435</v>
      </c>
      <c r="AE120" s="133">
        <v>191435</v>
      </c>
      <c r="AF120" s="133">
        <v>191435</v>
      </c>
      <c r="AG120" s="134">
        <v>191435</v>
      </c>
    </row>
    <row r="121" spans="1:34" s="3" customFormat="1" ht="21" customHeight="1">
      <c r="A121" s="249" t="s">
        <v>76</v>
      </c>
      <c r="B121" s="250"/>
      <c r="C121" s="250"/>
      <c r="D121" s="250"/>
      <c r="E121" s="250"/>
      <c r="F121" s="251"/>
      <c r="G121" s="248">
        <v>26</v>
      </c>
      <c r="H121" s="248"/>
      <c r="I121" s="248"/>
      <c r="J121" s="248"/>
      <c r="K121" s="248"/>
      <c r="L121" s="248">
        <v>369</v>
      </c>
      <c r="M121" s="248"/>
      <c r="N121" s="248"/>
      <c r="O121" s="248"/>
      <c r="P121" s="248"/>
      <c r="Q121" s="283">
        <v>147985</v>
      </c>
      <c r="R121" s="283">
        <v>147985</v>
      </c>
      <c r="S121" s="283">
        <v>147985</v>
      </c>
      <c r="T121" s="283">
        <v>147985</v>
      </c>
      <c r="U121" s="133">
        <v>608720</v>
      </c>
      <c r="V121" s="133">
        <v>608720</v>
      </c>
      <c r="W121" s="133">
        <v>608720</v>
      </c>
      <c r="X121" s="133">
        <v>608720</v>
      </c>
      <c r="Y121" s="131">
        <v>1081017</v>
      </c>
      <c r="Z121" s="131">
        <v>1081017</v>
      </c>
      <c r="AA121" s="131">
        <v>1081017</v>
      </c>
      <c r="AB121" s="131">
        <v>1081017</v>
      </c>
      <c r="AC121" s="131">
        <v>1081017</v>
      </c>
      <c r="AD121" s="133">
        <v>1010334</v>
      </c>
      <c r="AE121" s="133">
        <v>1010334</v>
      </c>
      <c r="AF121" s="133">
        <v>1010334</v>
      </c>
      <c r="AG121" s="134">
        <v>1010334</v>
      </c>
    </row>
    <row r="122" spans="1:34" s="3" customFormat="1" ht="21" customHeight="1">
      <c r="A122" s="249" t="s">
        <v>77</v>
      </c>
      <c r="B122" s="250"/>
      <c r="C122" s="250"/>
      <c r="D122" s="250"/>
      <c r="E122" s="250"/>
      <c r="F122" s="251"/>
      <c r="G122" s="248">
        <v>8</v>
      </c>
      <c r="H122" s="248"/>
      <c r="I122" s="248"/>
      <c r="J122" s="248"/>
      <c r="K122" s="248"/>
      <c r="L122" s="248">
        <v>205</v>
      </c>
      <c r="M122" s="248"/>
      <c r="N122" s="248"/>
      <c r="O122" s="248"/>
      <c r="P122" s="248"/>
      <c r="Q122" s="283">
        <v>73780</v>
      </c>
      <c r="R122" s="283">
        <v>73780</v>
      </c>
      <c r="S122" s="283">
        <v>73780</v>
      </c>
      <c r="T122" s="283">
        <v>73780</v>
      </c>
      <c r="U122" s="133">
        <v>227911</v>
      </c>
      <c r="V122" s="133">
        <v>227911</v>
      </c>
      <c r="W122" s="133">
        <v>227911</v>
      </c>
      <c r="X122" s="133">
        <v>227911</v>
      </c>
      <c r="Y122" s="131">
        <v>439965</v>
      </c>
      <c r="Z122" s="131">
        <v>439965</v>
      </c>
      <c r="AA122" s="131">
        <v>439965</v>
      </c>
      <c r="AB122" s="131">
        <v>439965</v>
      </c>
      <c r="AC122" s="131">
        <v>439965</v>
      </c>
      <c r="AD122" s="133">
        <v>316996</v>
      </c>
      <c r="AE122" s="133">
        <v>316996</v>
      </c>
      <c r="AF122" s="133">
        <v>316996</v>
      </c>
      <c r="AG122" s="134">
        <v>316996</v>
      </c>
    </row>
    <row r="123" spans="1:34" s="3" customFormat="1" ht="21" customHeight="1">
      <c r="A123" s="249" t="s">
        <v>78</v>
      </c>
      <c r="B123" s="250"/>
      <c r="C123" s="250"/>
      <c r="D123" s="250"/>
      <c r="E123" s="250"/>
      <c r="F123" s="251"/>
      <c r="G123" s="248">
        <v>6</v>
      </c>
      <c r="H123" s="248"/>
      <c r="I123" s="248"/>
      <c r="J123" s="248"/>
      <c r="K123" s="248"/>
      <c r="L123" s="248">
        <v>240</v>
      </c>
      <c r="M123" s="248"/>
      <c r="N123" s="248"/>
      <c r="O123" s="248"/>
      <c r="P123" s="248"/>
      <c r="Q123" s="283">
        <v>106731</v>
      </c>
      <c r="R123" s="283">
        <v>106731</v>
      </c>
      <c r="S123" s="283">
        <v>106731</v>
      </c>
      <c r="T123" s="283">
        <v>106731</v>
      </c>
      <c r="U123" s="133">
        <v>312374</v>
      </c>
      <c r="V123" s="133">
        <v>312374</v>
      </c>
      <c r="W123" s="133">
        <v>312374</v>
      </c>
      <c r="X123" s="133">
        <v>312374</v>
      </c>
      <c r="Y123" s="131">
        <v>745985</v>
      </c>
      <c r="Z123" s="131">
        <v>745985</v>
      </c>
      <c r="AA123" s="131">
        <v>745985</v>
      </c>
      <c r="AB123" s="131">
        <v>745985</v>
      </c>
      <c r="AC123" s="131">
        <v>745985</v>
      </c>
      <c r="AD123" s="133">
        <v>680713</v>
      </c>
      <c r="AE123" s="133">
        <v>680713</v>
      </c>
      <c r="AF123" s="133">
        <v>680713</v>
      </c>
      <c r="AG123" s="134">
        <v>680713</v>
      </c>
    </row>
    <row r="124" spans="1:34" s="3" customFormat="1" ht="21" customHeight="1">
      <c r="A124" s="249" t="s">
        <v>79</v>
      </c>
      <c r="B124" s="250"/>
      <c r="C124" s="250"/>
      <c r="D124" s="250"/>
      <c r="E124" s="250"/>
      <c r="F124" s="251"/>
      <c r="G124" s="248">
        <v>3</v>
      </c>
      <c r="H124" s="248"/>
      <c r="I124" s="248"/>
      <c r="J124" s="248"/>
      <c r="K124" s="248"/>
      <c r="L124" s="248">
        <v>179</v>
      </c>
      <c r="M124" s="248"/>
      <c r="N124" s="248"/>
      <c r="O124" s="248"/>
      <c r="P124" s="248"/>
      <c r="Q124" s="283" t="s">
        <v>438</v>
      </c>
      <c r="R124" s="283" t="s">
        <v>438</v>
      </c>
      <c r="S124" s="283" t="s">
        <v>438</v>
      </c>
      <c r="T124" s="283" t="s">
        <v>438</v>
      </c>
      <c r="U124" s="133" t="s">
        <v>438</v>
      </c>
      <c r="V124" s="133" t="s">
        <v>438</v>
      </c>
      <c r="W124" s="133" t="s">
        <v>438</v>
      </c>
      <c r="X124" s="133" t="s">
        <v>438</v>
      </c>
      <c r="Y124" s="131" t="s">
        <v>438</v>
      </c>
      <c r="Z124" s="131" t="s">
        <v>438</v>
      </c>
      <c r="AA124" s="131" t="s">
        <v>438</v>
      </c>
      <c r="AB124" s="131" t="s">
        <v>438</v>
      </c>
      <c r="AC124" s="131" t="s">
        <v>438</v>
      </c>
      <c r="AD124" s="133" t="s">
        <v>438</v>
      </c>
      <c r="AE124" s="133" t="s">
        <v>438</v>
      </c>
      <c r="AF124" s="133" t="s">
        <v>438</v>
      </c>
      <c r="AG124" s="134" t="s">
        <v>438</v>
      </c>
    </row>
    <row r="125" spans="1:34" s="3" customFormat="1" ht="21" customHeight="1">
      <c r="A125" s="249" t="s">
        <v>80</v>
      </c>
      <c r="B125" s="250"/>
      <c r="C125" s="250"/>
      <c r="D125" s="250"/>
      <c r="E125" s="250"/>
      <c r="F125" s="251"/>
      <c r="G125" s="248">
        <v>5</v>
      </c>
      <c r="H125" s="248"/>
      <c r="I125" s="248"/>
      <c r="J125" s="248"/>
      <c r="K125" s="248"/>
      <c r="L125" s="248">
        <v>673</v>
      </c>
      <c r="M125" s="248"/>
      <c r="N125" s="248"/>
      <c r="O125" s="248"/>
      <c r="P125" s="248"/>
      <c r="Q125" s="283">
        <v>378660</v>
      </c>
      <c r="R125" s="283">
        <v>378660</v>
      </c>
      <c r="S125" s="283">
        <v>378660</v>
      </c>
      <c r="T125" s="283">
        <v>378660</v>
      </c>
      <c r="U125" s="133">
        <v>1280744</v>
      </c>
      <c r="V125" s="133">
        <v>1280744</v>
      </c>
      <c r="W125" s="133">
        <v>1280744</v>
      </c>
      <c r="X125" s="133">
        <v>1280744</v>
      </c>
      <c r="Y125" s="131">
        <v>2265577</v>
      </c>
      <c r="Z125" s="131">
        <v>2265577</v>
      </c>
      <c r="AA125" s="131">
        <v>2265577</v>
      </c>
      <c r="AB125" s="131">
        <v>2265577</v>
      </c>
      <c r="AC125" s="131">
        <v>2265577</v>
      </c>
      <c r="AD125" s="133">
        <v>1972811</v>
      </c>
      <c r="AE125" s="133">
        <v>1972811</v>
      </c>
      <c r="AF125" s="133">
        <v>1972811</v>
      </c>
      <c r="AG125" s="134">
        <v>1972811</v>
      </c>
    </row>
    <row r="126" spans="1:34" s="3" customFormat="1" ht="20.25" customHeight="1">
      <c r="A126" s="249" t="s">
        <v>81</v>
      </c>
      <c r="B126" s="250"/>
      <c r="C126" s="250"/>
      <c r="D126" s="250"/>
      <c r="E126" s="250"/>
      <c r="F126" s="251"/>
      <c r="G126" s="248">
        <v>1</v>
      </c>
      <c r="H126" s="248"/>
      <c r="I126" s="248"/>
      <c r="J126" s="248"/>
      <c r="K126" s="248"/>
      <c r="L126" s="248">
        <v>211</v>
      </c>
      <c r="M126" s="248"/>
      <c r="N126" s="248"/>
      <c r="O126" s="248"/>
      <c r="P126" s="248"/>
      <c r="Q126" s="133" t="s">
        <v>438</v>
      </c>
      <c r="R126" s="133" t="s">
        <v>438</v>
      </c>
      <c r="S126" s="133" t="s">
        <v>438</v>
      </c>
      <c r="T126" s="133" t="s">
        <v>438</v>
      </c>
      <c r="U126" s="133" t="s">
        <v>438</v>
      </c>
      <c r="V126" s="133" t="s">
        <v>438</v>
      </c>
      <c r="W126" s="133" t="s">
        <v>438</v>
      </c>
      <c r="X126" s="133" t="s">
        <v>438</v>
      </c>
      <c r="Y126" s="131" t="s">
        <v>438</v>
      </c>
      <c r="Z126" s="131" t="s">
        <v>438</v>
      </c>
      <c r="AA126" s="131" t="s">
        <v>438</v>
      </c>
      <c r="AB126" s="131" t="s">
        <v>438</v>
      </c>
      <c r="AC126" s="131" t="s">
        <v>438</v>
      </c>
      <c r="AD126" s="133" t="s">
        <v>438</v>
      </c>
      <c r="AE126" s="133" t="s">
        <v>438</v>
      </c>
      <c r="AF126" s="133" t="s">
        <v>438</v>
      </c>
      <c r="AG126" s="134" t="s">
        <v>438</v>
      </c>
    </row>
    <row r="127" spans="1:34" s="2" customFormat="1" ht="20.25" customHeight="1">
      <c r="A127" s="265" t="s">
        <v>82</v>
      </c>
      <c r="B127" s="266"/>
      <c r="C127" s="266"/>
      <c r="D127" s="266"/>
      <c r="E127" s="266"/>
      <c r="F127" s="267"/>
      <c r="G127" s="258">
        <v>3</v>
      </c>
      <c r="H127" s="258"/>
      <c r="I127" s="258"/>
      <c r="J127" s="258"/>
      <c r="K127" s="258"/>
      <c r="L127" s="258">
        <v>2150</v>
      </c>
      <c r="M127" s="258"/>
      <c r="N127" s="258"/>
      <c r="O127" s="258"/>
      <c r="P127" s="248"/>
      <c r="Q127" s="133">
        <v>1233610</v>
      </c>
      <c r="R127" s="133">
        <v>1233610</v>
      </c>
      <c r="S127" s="133">
        <v>1233610</v>
      </c>
      <c r="T127" s="133">
        <v>1233610</v>
      </c>
      <c r="U127" s="133">
        <v>5729164</v>
      </c>
      <c r="V127" s="133">
        <v>5729164</v>
      </c>
      <c r="W127" s="133">
        <v>5729164</v>
      </c>
      <c r="X127" s="133">
        <v>5729164</v>
      </c>
      <c r="Y127" s="135">
        <v>11101953</v>
      </c>
      <c r="Z127" s="135">
        <v>11101953</v>
      </c>
      <c r="AA127" s="135">
        <v>11101953</v>
      </c>
      <c r="AB127" s="135">
        <v>11101953</v>
      </c>
      <c r="AC127" s="135">
        <v>11101953</v>
      </c>
      <c r="AD127" s="137">
        <v>11101953</v>
      </c>
      <c r="AE127" s="137">
        <v>11101953</v>
      </c>
      <c r="AF127" s="137">
        <v>11101953</v>
      </c>
      <c r="AG127" s="138">
        <v>11101953</v>
      </c>
      <c r="AH127" s="3"/>
    </row>
    <row r="128" spans="1:34" s="2" customFormat="1" ht="14.25" customHeight="1">
      <c r="A128" s="41" t="s">
        <v>305</v>
      </c>
      <c r="B128" s="42"/>
      <c r="C128" s="42"/>
      <c r="D128" s="42"/>
      <c r="E128" s="42"/>
      <c r="F128" s="42"/>
      <c r="G128" s="42"/>
      <c r="H128" s="42"/>
      <c r="I128" s="42"/>
      <c r="J128" s="42"/>
      <c r="K128" s="42"/>
      <c r="L128" s="42"/>
      <c r="M128" s="42"/>
      <c r="N128" s="42"/>
      <c r="O128" s="42"/>
      <c r="P128" s="59"/>
      <c r="Q128" s="110"/>
      <c r="R128" s="110"/>
      <c r="S128" s="110"/>
      <c r="T128" s="110"/>
      <c r="U128" s="59"/>
      <c r="V128" s="27"/>
      <c r="W128" s="27"/>
      <c r="X128" s="27"/>
      <c r="Y128" s="43"/>
      <c r="Z128" s="43"/>
      <c r="AA128" s="27"/>
      <c r="AB128" s="27"/>
      <c r="AC128" s="27"/>
      <c r="AD128" s="27"/>
      <c r="AE128" s="27"/>
      <c r="AF128" s="27"/>
      <c r="AG128" s="27" t="s">
        <v>346</v>
      </c>
    </row>
    <row r="129" spans="1:34" s="3" customFormat="1" ht="20.100000000000001" customHeight="1">
      <c r="A129" s="42"/>
      <c r="B129" s="42"/>
      <c r="C129" s="42"/>
      <c r="D129" s="42"/>
      <c r="E129" s="42"/>
      <c r="F129" s="42"/>
      <c r="G129" s="42"/>
      <c r="H129" s="42"/>
      <c r="I129" s="42"/>
      <c r="J129" s="42"/>
      <c r="K129" s="42"/>
      <c r="L129" s="42"/>
      <c r="M129" s="42"/>
      <c r="N129" s="42"/>
      <c r="O129" s="42"/>
      <c r="P129" s="42"/>
      <c r="Q129" s="42"/>
      <c r="R129" s="42"/>
      <c r="S129" s="42"/>
      <c r="T129" s="42"/>
      <c r="U129" s="42"/>
      <c r="V129" s="43"/>
      <c r="W129" s="43"/>
      <c r="X129" s="43"/>
      <c r="Y129" s="43"/>
      <c r="Z129" s="43"/>
      <c r="AA129" s="43"/>
      <c r="AB129" s="43"/>
      <c r="AC129" s="43"/>
      <c r="AD129" s="43"/>
      <c r="AE129" s="43"/>
      <c r="AF129" s="43"/>
      <c r="AG129" s="43"/>
      <c r="AH129" s="2"/>
    </row>
    <row r="130" spans="1:34" s="30" customFormat="1" ht="15.95" customHeight="1">
      <c r="A130" s="44" t="s">
        <v>429</v>
      </c>
      <c r="B130" s="18"/>
      <c r="C130" s="45"/>
      <c r="D130" s="45"/>
      <c r="E130" s="45"/>
      <c r="F130" s="45"/>
      <c r="G130" s="45"/>
      <c r="H130" s="45"/>
      <c r="I130" s="46"/>
      <c r="J130" s="46"/>
      <c r="K130" s="46"/>
      <c r="L130" s="46"/>
      <c r="M130" s="46"/>
      <c r="N130" s="46"/>
      <c r="O130" s="46"/>
      <c r="P130" s="46"/>
      <c r="Q130" s="46"/>
      <c r="R130" s="46"/>
      <c r="S130" s="46"/>
      <c r="T130" s="46"/>
      <c r="U130" s="46"/>
      <c r="V130" s="46"/>
      <c r="W130" s="46"/>
      <c r="X130" s="46"/>
      <c r="Y130" s="46"/>
      <c r="Z130" s="46"/>
      <c r="AA130" s="46"/>
      <c r="AB130" s="46"/>
      <c r="AC130" s="46"/>
      <c r="AD130" s="46"/>
      <c r="AE130" s="46"/>
      <c r="AF130" s="46"/>
      <c r="AG130" s="46"/>
    </row>
    <row r="131" spans="1:34" s="3" customFormat="1" ht="24.75" customHeight="1">
      <c r="A131" s="30"/>
      <c r="B131" s="115" t="s">
        <v>390</v>
      </c>
      <c r="C131" s="30"/>
      <c r="D131" s="30"/>
      <c r="E131" s="30"/>
      <c r="F131" s="30"/>
      <c r="G131" s="30"/>
      <c r="H131" s="30"/>
      <c r="I131" s="30"/>
      <c r="J131" s="30"/>
      <c r="K131" s="30"/>
      <c r="L131" s="46"/>
      <c r="M131" s="46"/>
      <c r="N131" s="46"/>
      <c r="O131" s="46"/>
      <c r="P131" s="46"/>
      <c r="Q131" s="46"/>
      <c r="R131" s="46"/>
      <c r="S131" s="46"/>
      <c r="T131" s="46"/>
      <c r="U131" s="46"/>
      <c r="V131" s="46"/>
      <c r="W131" s="46"/>
      <c r="X131" s="46"/>
      <c r="Y131" s="46"/>
      <c r="Z131" s="46"/>
      <c r="AA131" s="46"/>
      <c r="AB131" s="46"/>
      <c r="AC131" s="46"/>
      <c r="AD131" s="46"/>
      <c r="AE131" s="46"/>
      <c r="AF131" s="121"/>
      <c r="AG131" s="46"/>
      <c r="AH131" s="30"/>
    </row>
    <row r="132" spans="1:34" s="3" customFormat="1" ht="24.75" customHeight="1">
      <c r="A132" s="214" t="s">
        <v>38</v>
      </c>
      <c r="B132" s="215"/>
      <c r="C132" s="215"/>
      <c r="D132" s="215"/>
      <c r="E132" s="215"/>
      <c r="F132" s="215"/>
      <c r="G132" s="215"/>
      <c r="H132" s="216"/>
      <c r="I132" s="217" t="s">
        <v>39</v>
      </c>
      <c r="J132" s="218"/>
      <c r="K132" s="219"/>
      <c r="L132" s="174" t="s">
        <v>85</v>
      </c>
      <c r="M132" s="175"/>
      <c r="N132" s="175"/>
      <c r="O132" s="175"/>
      <c r="P132" s="175"/>
      <c r="Q132" s="175"/>
      <c r="R132" s="175"/>
      <c r="S132" s="175"/>
      <c r="T132" s="175"/>
      <c r="U132" s="175"/>
      <c r="V132" s="175"/>
      <c r="W132" s="175"/>
      <c r="X132" s="175"/>
      <c r="Y132" s="175"/>
      <c r="Z132" s="175"/>
      <c r="AA132" s="175"/>
      <c r="AB132" s="220" t="s">
        <v>102</v>
      </c>
      <c r="AC132" s="168"/>
      <c r="AD132" s="168"/>
      <c r="AE132" s="169"/>
    </row>
    <row r="133" spans="1:34" s="3" customFormat="1" ht="24.75" customHeight="1">
      <c r="A133" s="51"/>
      <c r="B133" s="50"/>
      <c r="C133" s="50"/>
      <c r="D133" s="50"/>
      <c r="E133" s="50"/>
      <c r="F133" s="50"/>
      <c r="G133" s="50"/>
      <c r="H133" s="128"/>
      <c r="I133" s="225" t="s">
        <v>45</v>
      </c>
      <c r="J133" s="225"/>
      <c r="K133" s="225"/>
      <c r="L133" s="226" t="s">
        <v>45</v>
      </c>
      <c r="M133" s="226"/>
      <c r="N133" s="226"/>
      <c r="O133" s="226"/>
      <c r="P133" s="227" t="s">
        <v>430</v>
      </c>
      <c r="Q133" s="228"/>
      <c r="R133" s="228"/>
      <c r="S133" s="228"/>
      <c r="T133" s="228"/>
      <c r="U133" s="228"/>
      <c r="V133" s="228"/>
      <c r="W133" s="228"/>
      <c r="X133" s="228"/>
      <c r="Y133" s="228"/>
      <c r="Z133" s="228"/>
      <c r="AA133" s="229"/>
      <c r="AB133" s="221"/>
      <c r="AC133" s="170"/>
      <c r="AD133" s="170"/>
      <c r="AE133" s="171"/>
    </row>
    <row r="134" spans="1:34" s="3" customFormat="1" ht="24.75" customHeight="1">
      <c r="A134" s="51"/>
      <c r="B134" s="50"/>
      <c r="C134" s="50"/>
      <c r="D134" s="50"/>
      <c r="E134" s="50"/>
      <c r="F134" s="50"/>
      <c r="G134" s="50"/>
      <c r="H134" s="128"/>
      <c r="I134" s="225"/>
      <c r="J134" s="225"/>
      <c r="K134" s="225"/>
      <c r="L134" s="225"/>
      <c r="M134" s="225"/>
      <c r="N134" s="225"/>
      <c r="O134" s="225"/>
      <c r="P134" s="230" t="s">
        <v>431</v>
      </c>
      <c r="Q134" s="231"/>
      <c r="R134" s="231"/>
      <c r="S134" s="231"/>
      <c r="T134" s="231"/>
      <c r="U134" s="232"/>
      <c r="V134" s="236" t="s">
        <v>432</v>
      </c>
      <c r="W134" s="237"/>
      <c r="X134" s="237"/>
      <c r="Y134" s="237"/>
      <c r="Z134" s="237"/>
      <c r="AA134" s="238"/>
      <c r="AB134" s="221"/>
      <c r="AC134" s="170"/>
      <c r="AD134" s="170"/>
      <c r="AE134" s="171"/>
    </row>
    <row r="135" spans="1:34" s="3" customFormat="1" ht="24.75" customHeight="1">
      <c r="A135" s="51"/>
      <c r="B135" s="50"/>
      <c r="C135" s="50"/>
      <c r="D135" s="50"/>
      <c r="E135" s="50"/>
      <c r="F135" s="50"/>
      <c r="G135" s="50"/>
      <c r="H135" s="128"/>
      <c r="I135" s="225"/>
      <c r="J135" s="225"/>
      <c r="K135" s="225"/>
      <c r="L135" s="225"/>
      <c r="M135" s="225"/>
      <c r="N135" s="225"/>
      <c r="O135" s="225"/>
      <c r="P135" s="233"/>
      <c r="Q135" s="234"/>
      <c r="R135" s="234"/>
      <c r="S135" s="234"/>
      <c r="T135" s="234"/>
      <c r="U135" s="235"/>
      <c r="V135" s="239"/>
      <c r="W135" s="240"/>
      <c r="X135" s="240"/>
      <c r="Y135" s="240"/>
      <c r="Z135" s="240"/>
      <c r="AA135" s="241"/>
      <c r="AB135" s="221"/>
      <c r="AC135" s="170"/>
      <c r="AD135" s="170"/>
      <c r="AE135" s="171"/>
    </row>
    <row r="136" spans="1:34" s="3" customFormat="1" ht="24.75" customHeight="1">
      <c r="A136" s="157" t="s">
        <v>41</v>
      </c>
      <c r="B136" s="158"/>
      <c r="C136" s="158"/>
      <c r="D136" s="158"/>
      <c r="E136" s="158"/>
      <c r="F136" s="158"/>
      <c r="G136" s="158"/>
      <c r="H136" s="159"/>
      <c r="I136" s="225"/>
      <c r="J136" s="225"/>
      <c r="K136" s="225"/>
      <c r="L136" s="225"/>
      <c r="M136" s="225"/>
      <c r="N136" s="225"/>
      <c r="O136" s="225"/>
      <c r="P136" s="225" t="s">
        <v>58</v>
      </c>
      <c r="Q136" s="225"/>
      <c r="R136" s="225"/>
      <c r="S136" s="225" t="s">
        <v>59</v>
      </c>
      <c r="T136" s="225"/>
      <c r="U136" s="225"/>
      <c r="V136" s="259" t="s">
        <v>58</v>
      </c>
      <c r="W136" s="259"/>
      <c r="X136" s="259"/>
      <c r="Y136" s="259" t="s">
        <v>59</v>
      </c>
      <c r="Z136" s="259"/>
      <c r="AA136" s="259"/>
      <c r="AB136" s="222"/>
      <c r="AC136" s="223"/>
      <c r="AD136" s="223"/>
      <c r="AE136" s="224"/>
      <c r="AF136" s="122"/>
    </row>
    <row r="137" spans="1:34" s="3" customFormat="1" ht="24.75" customHeight="1">
      <c r="A137" s="242" t="s">
        <v>184</v>
      </c>
      <c r="B137" s="243"/>
      <c r="C137" s="243"/>
      <c r="D137" s="243"/>
      <c r="E137" s="243"/>
      <c r="F137" s="243"/>
      <c r="G137" s="243"/>
      <c r="H137" s="244"/>
      <c r="I137" s="245">
        <v>81</v>
      </c>
      <c r="J137" s="246">
        <v>81</v>
      </c>
      <c r="K137" s="246">
        <v>81</v>
      </c>
      <c r="L137" s="246">
        <v>4202</v>
      </c>
      <c r="M137" s="246">
        <v>4202</v>
      </c>
      <c r="N137" s="246">
        <v>4202</v>
      </c>
      <c r="O137" s="246">
        <v>4202</v>
      </c>
      <c r="P137" s="246">
        <v>2881</v>
      </c>
      <c r="Q137" s="246">
        <v>2881</v>
      </c>
      <c r="R137" s="246">
        <v>2881</v>
      </c>
      <c r="S137" s="246">
        <v>421</v>
      </c>
      <c r="T137" s="246">
        <v>421</v>
      </c>
      <c r="U137" s="246">
        <v>421</v>
      </c>
      <c r="V137" s="199">
        <v>256</v>
      </c>
      <c r="W137" s="199">
        <v>256</v>
      </c>
      <c r="X137" s="199">
        <v>256</v>
      </c>
      <c r="Y137" s="199">
        <v>373</v>
      </c>
      <c r="Z137" s="199">
        <v>373</v>
      </c>
      <c r="AA137" s="199">
        <v>373</v>
      </c>
      <c r="AB137" s="198">
        <v>2153702</v>
      </c>
      <c r="AC137" s="198">
        <v>2153702</v>
      </c>
      <c r="AD137" s="198">
        <v>2153702</v>
      </c>
      <c r="AE137" s="198">
        <v>2153702</v>
      </c>
    </row>
    <row r="138" spans="1:34" s="3" customFormat="1" ht="24.75" customHeight="1">
      <c r="A138" s="201" t="s">
        <v>86</v>
      </c>
      <c r="B138" s="202"/>
      <c r="C138" s="202"/>
      <c r="D138" s="202"/>
      <c r="E138" s="202"/>
      <c r="F138" s="202"/>
      <c r="G138" s="202"/>
      <c r="H138" s="203"/>
      <c r="I138" s="213">
        <v>4</v>
      </c>
      <c r="J138" s="211">
        <v>4</v>
      </c>
      <c r="K138" s="211">
        <v>4</v>
      </c>
      <c r="L138" s="211">
        <v>458</v>
      </c>
      <c r="M138" s="211">
        <v>458</v>
      </c>
      <c r="N138" s="211">
        <v>458</v>
      </c>
      <c r="O138" s="211">
        <v>458</v>
      </c>
      <c r="P138" s="211">
        <v>257</v>
      </c>
      <c r="Q138" s="211">
        <v>257</v>
      </c>
      <c r="R138" s="211">
        <v>257</v>
      </c>
      <c r="S138" s="211">
        <v>59</v>
      </c>
      <c r="T138" s="211">
        <v>59</v>
      </c>
      <c r="U138" s="211">
        <v>59</v>
      </c>
      <c r="V138" s="205">
        <v>70</v>
      </c>
      <c r="W138" s="205">
        <v>70</v>
      </c>
      <c r="X138" s="205">
        <v>70</v>
      </c>
      <c r="Y138" s="205">
        <v>61</v>
      </c>
      <c r="Z138" s="205">
        <v>61</v>
      </c>
      <c r="AA138" s="205">
        <v>61</v>
      </c>
      <c r="AB138" s="131">
        <v>194016</v>
      </c>
      <c r="AC138" s="131">
        <v>194016</v>
      </c>
      <c r="AD138" s="131">
        <v>194016</v>
      </c>
      <c r="AE138" s="131">
        <v>194016</v>
      </c>
    </row>
    <row r="139" spans="1:34" s="3" customFormat="1" ht="24.75" customHeight="1">
      <c r="A139" s="201" t="s">
        <v>87</v>
      </c>
      <c r="B139" s="202"/>
      <c r="C139" s="202"/>
      <c r="D139" s="202"/>
      <c r="E139" s="202"/>
      <c r="F139" s="202"/>
      <c r="G139" s="202"/>
      <c r="H139" s="203"/>
      <c r="I139" s="213">
        <v>2</v>
      </c>
      <c r="J139" s="211">
        <v>2</v>
      </c>
      <c r="K139" s="211">
        <v>2</v>
      </c>
      <c r="L139" s="211">
        <v>12</v>
      </c>
      <c r="M139" s="211">
        <v>12</v>
      </c>
      <c r="N139" s="211">
        <v>12</v>
      </c>
      <c r="O139" s="211">
        <v>12</v>
      </c>
      <c r="P139" s="211">
        <v>0</v>
      </c>
      <c r="Q139" s="211">
        <v>0</v>
      </c>
      <c r="R139" s="211">
        <v>0</v>
      </c>
      <c r="S139" s="211">
        <v>1</v>
      </c>
      <c r="T139" s="211">
        <v>1</v>
      </c>
      <c r="U139" s="211">
        <v>1</v>
      </c>
      <c r="V139" s="205">
        <v>2</v>
      </c>
      <c r="W139" s="205">
        <v>2</v>
      </c>
      <c r="X139" s="205">
        <v>2</v>
      </c>
      <c r="Y139" s="205">
        <v>4</v>
      </c>
      <c r="Z139" s="205">
        <v>4</v>
      </c>
      <c r="AA139" s="205">
        <v>4</v>
      </c>
      <c r="AB139" s="131" t="s">
        <v>438</v>
      </c>
      <c r="AC139" s="131" t="s">
        <v>438</v>
      </c>
      <c r="AD139" s="131" t="s">
        <v>438</v>
      </c>
      <c r="AE139" s="131" t="s">
        <v>438</v>
      </c>
    </row>
    <row r="140" spans="1:34" s="3" customFormat="1" ht="24.75" customHeight="1">
      <c r="A140" s="201" t="s">
        <v>88</v>
      </c>
      <c r="B140" s="202"/>
      <c r="C140" s="202"/>
      <c r="D140" s="202"/>
      <c r="E140" s="202"/>
      <c r="F140" s="202"/>
      <c r="G140" s="202"/>
      <c r="H140" s="203"/>
      <c r="I140" s="213">
        <v>1</v>
      </c>
      <c r="J140" s="211">
        <v>1</v>
      </c>
      <c r="K140" s="211">
        <v>1</v>
      </c>
      <c r="L140" s="211">
        <v>10</v>
      </c>
      <c r="M140" s="211">
        <v>10</v>
      </c>
      <c r="N140" s="211">
        <v>10</v>
      </c>
      <c r="O140" s="211">
        <v>10</v>
      </c>
      <c r="P140" s="211">
        <v>0</v>
      </c>
      <c r="Q140" s="211">
        <v>0</v>
      </c>
      <c r="R140" s="211">
        <v>0</v>
      </c>
      <c r="S140" s="211">
        <v>8</v>
      </c>
      <c r="T140" s="211">
        <v>8</v>
      </c>
      <c r="U140" s="211">
        <v>8</v>
      </c>
      <c r="V140" s="205">
        <v>0</v>
      </c>
      <c r="W140" s="205">
        <v>0</v>
      </c>
      <c r="X140" s="205">
        <v>0</v>
      </c>
      <c r="Y140" s="205">
        <v>0</v>
      </c>
      <c r="Z140" s="205">
        <v>0</v>
      </c>
      <c r="AA140" s="205">
        <v>0</v>
      </c>
      <c r="AB140" s="131" t="s">
        <v>438</v>
      </c>
      <c r="AC140" s="131" t="s">
        <v>438</v>
      </c>
      <c r="AD140" s="131" t="s">
        <v>438</v>
      </c>
      <c r="AE140" s="131" t="s">
        <v>438</v>
      </c>
    </row>
    <row r="141" spans="1:34" s="3" customFormat="1" ht="24.75" customHeight="1">
      <c r="A141" s="201" t="s">
        <v>89</v>
      </c>
      <c r="B141" s="202"/>
      <c r="C141" s="202"/>
      <c r="D141" s="202"/>
      <c r="E141" s="202"/>
      <c r="F141" s="202"/>
      <c r="G141" s="202"/>
      <c r="H141" s="203"/>
      <c r="I141" s="213">
        <v>2</v>
      </c>
      <c r="J141" s="211">
        <v>2</v>
      </c>
      <c r="K141" s="211">
        <v>2</v>
      </c>
      <c r="L141" s="212">
        <v>16</v>
      </c>
      <c r="M141" s="212">
        <v>16</v>
      </c>
      <c r="N141" s="212">
        <v>16</v>
      </c>
      <c r="O141" s="212">
        <v>16</v>
      </c>
      <c r="P141" s="211">
        <v>6</v>
      </c>
      <c r="Q141" s="211">
        <v>6</v>
      </c>
      <c r="R141" s="211">
        <v>6</v>
      </c>
      <c r="S141" s="211">
        <v>2</v>
      </c>
      <c r="T141" s="211">
        <v>2</v>
      </c>
      <c r="U141" s="211">
        <v>2</v>
      </c>
      <c r="V141" s="205">
        <v>3</v>
      </c>
      <c r="W141" s="205">
        <v>3</v>
      </c>
      <c r="X141" s="205">
        <v>3</v>
      </c>
      <c r="Y141" s="205">
        <v>0</v>
      </c>
      <c r="Z141" s="205">
        <v>0</v>
      </c>
      <c r="AA141" s="205">
        <v>0</v>
      </c>
      <c r="AB141" s="131" t="s">
        <v>438</v>
      </c>
      <c r="AC141" s="132" t="s">
        <v>438</v>
      </c>
      <c r="AD141" s="132" t="s">
        <v>438</v>
      </c>
      <c r="AE141" s="132" t="s">
        <v>438</v>
      </c>
    </row>
    <row r="142" spans="1:34" s="3" customFormat="1" ht="24.75" customHeight="1">
      <c r="A142" s="201" t="s">
        <v>90</v>
      </c>
      <c r="B142" s="202"/>
      <c r="C142" s="202"/>
      <c r="D142" s="202"/>
      <c r="E142" s="202"/>
      <c r="F142" s="202"/>
      <c r="G142" s="202"/>
      <c r="H142" s="203"/>
      <c r="I142" s="204">
        <v>1</v>
      </c>
      <c r="J142" s="133">
        <v>1</v>
      </c>
      <c r="K142" s="133">
        <v>1</v>
      </c>
      <c r="L142" s="212">
        <v>7</v>
      </c>
      <c r="M142" s="212">
        <v>7</v>
      </c>
      <c r="N142" s="212">
        <v>7</v>
      </c>
      <c r="O142" s="212">
        <v>7</v>
      </c>
      <c r="P142" s="211">
        <v>6</v>
      </c>
      <c r="Q142" s="211">
        <v>6</v>
      </c>
      <c r="R142" s="211">
        <v>6</v>
      </c>
      <c r="S142" s="133">
        <v>0</v>
      </c>
      <c r="T142" s="133">
        <v>0</v>
      </c>
      <c r="U142" s="133">
        <v>0</v>
      </c>
      <c r="V142" s="205">
        <v>0</v>
      </c>
      <c r="W142" s="205">
        <v>0</v>
      </c>
      <c r="X142" s="205">
        <v>0</v>
      </c>
      <c r="Y142" s="205">
        <v>0</v>
      </c>
      <c r="Z142" s="205">
        <v>0</v>
      </c>
      <c r="AA142" s="205">
        <v>0</v>
      </c>
      <c r="AB142" s="131" t="s">
        <v>438</v>
      </c>
      <c r="AC142" s="132" t="s">
        <v>438</v>
      </c>
      <c r="AD142" s="132" t="s">
        <v>438</v>
      </c>
      <c r="AE142" s="132" t="s">
        <v>438</v>
      </c>
    </row>
    <row r="143" spans="1:34" s="3" customFormat="1" ht="24.75" customHeight="1">
      <c r="A143" s="201" t="s">
        <v>91</v>
      </c>
      <c r="B143" s="202"/>
      <c r="C143" s="202"/>
      <c r="D143" s="202"/>
      <c r="E143" s="202"/>
      <c r="F143" s="202"/>
      <c r="G143" s="202"/>
      <c r="H143" s="203"/>
      <c r="I143" s="213">
        <v>4</v>
      </c>
      <c r="J143" s="211">
        <v>4</v>
      </c>
      <c r="K143" s="211">
        <v>4</v>
      </c>
      <c r="L143" s="211">
        <v>131</v>
      </c>
      <c r="M143" s="211">
        <v>131</v>
      </c>
      <c r="N143" s="211">
        <v>131</v>
      </c>
      <c r="O143" s="211">
        <v>131</v>
      </c>
      <c r="P143" s="211">
        <v>95</v>
      </c>
      <c r="Q143" s="211">
        <v>95</v>
      </c>
      <c r="R143" s="211">
        <v>95</v>
      </c>
      <c r="S143" s="211">
        <v>16</v>
      </c>
      <c r="T143" s="211">
        <v>16</v>
      </c>
      <c r="U143" s="211">
        <v>16</v>
      </c>
      <c r="V143" s="205">
        <v>9</v>
      </c>
      <c r="W143" s="205">
        <v>9</v>
      </c>
      <c r="X143" s="205">
        <v>9</v>
      </c>
      <c r="Y143" s="205">
        <v>4</v>
      </c>
      <c r="Z143" s="205">
        <v>4</v>
      </c>
      <c r="AA143" s="205">
        <v>4</v>
      </c>
      <c r="AB143" s="131">
        <v>76335</v>
      </c>
      <c r="AC143" s="131">
        <v>76335</v>
      </c>
      <c r="AD143" s="131">
        <v>76335</v>
      </c>
      <c r="AE143" s="131">
        <v>76335</v>
      </c>
    </row>
    <row r="144" spans="1:34" s="3" customFormat="1" ht="24.75" customHeight="1">
      <c r="A144" s="201" t="s">
        <v>92</v>
      </c>
      <c r="B144" s="202"/>
      <c r="C144" s="202"/>
      <c r="D144" s="202"/>
      <c r="E144" s="202"/>
      <c r="F144" s="202"/>
      <c r="G144" s="202"/>
      <c r="H144" s="203"/>
      <c r="I144" s="213">
        <v>3</v>
      </c>
      <c r="J144" s="211">
        <v>3</v>
      </c>
      <c r="K144" s="211">
        <v>3</v>
      </c>
      <c r="L144" s="211">
        <v>93</v>
      </c>
      <c r="M144" s="211">
        <v>93</v>
      </c>
      <c r="N144" s="211">
        <v>93</v>
      </c>
      <c r="O144" s="211">
        <v>93</v>
      </c>
      <c r="P144" s="211">
        <v>64</v>
      </c>
      <c r="Q144" s="211">
        <v>64</v>
      </c>
      <c r="R144" s="211">
        <v>64</v>
      </c>
      <c r="S144" s="211">
        <v>17</v>
      </c>
      <c r="T144" s="211">
        <v>17</v>
      </c>
      <c r="U144" s="211">
        <v>17</v>
      </c>
      <c r="V144" s="205">
        <v>4</v>
      </c>
      <c r="W144" s="205">
        <v>4</v>
      </c>
      <c r="X144" s="205">
        <v>4</v>
      </c>
      <c r="Y144" s="205">
        <v>4</v>
      </c>
      <c r="Z144" s="205">
        <v>4</v>
      </c>
      <c r="AA144" s="205">
        <v>4</v>
      </c>
      <c r="AB144" s="131">
        <v>39389</v>
      </c>
      <c r="AC144" s="131">
        <v>39389</v>
      </c>
      <c r="AD144" s="131">
        <v>39389</v>
      </c>
      <c r="AE144" s="131">
        <v>39389</v>
      </c>
    </row>
    <row r="145" spans="1:31" s="3" customFormat="1" ht="24.75" customHeight="1">
      <c r="A145" s="201" t="s">
        <v>93</v>
      </c>
      <c r="B145" s="202"/>
      <c r="C145" s="202"/>
      <c r="D145" s="202"/>
      <c r="E145" s="202"/>
      <c r="F145" s="202"/>
      <c r="G145" s="202"/>
      <c r="H145" s="203"/>
      <c r="I145" s="213">
        <v>2</v>
      </c>
      <c r="J145" s="211">
        <v>2</v>
      </c>
      <c r="K145" s="211">
        <v>2</v>
      </c>
      <c r="L145" s="211">
        <v>43</v>
      </c>
      <c r="M145" s="211">
        <v>43</v>
      </c>
      <c r="N145" s="211">
        <v>43</v>
      </c>
      <c r="O145" s="211">
        <v>43</v>
      </c>
      <c r="P145" s="211">
        <v>31</v>
      </c>
      <c r="Q145" s="211">
        <v>31</v>
      </c>
      <c r="R145" s="211">
        <v>31</v>
      </c>
      <c r="S145" s="211">
        <v>6</v>
      </c>
      <c r="T145" s="211">
        <v>6</v>
      </c>
      <c r="U145" s="211">
        <v>6</v>
      </c>
      <c r="V145" s="205">
        <v>0</v>
      </c>
      <c r="W145" s="205">
        <v>0</v>
      </c>
      <c r="X145" s="205">
        <v>0</v>
      </c>
      <c r="Y145" s="205">
        <v>1</v>
      </c>
      <c r="Z145" s="205">
        <v>1</v>
      </c>
      <c r="AA145" s="205">
        <v>1</v>
      </c>
      <c r="AB145" s="131" t="s">
        <v>438</v>
      </c>
      <c r="AC145" s="131" t="s">
        <v>438</v>
      </c>
      <c r="AD145" s="131" t="s">
        <v>438</v>
      </c>
      <c r="AE145" s="131" t="s">
        <v>438</v>
      </c>
    </row>
    <row r="146" spans="1:31" s="3" customFormat="1" ht="24.75" customHeight="1">
      <c r="A146" s="201" t="s">
        <v>94</v>
      </c>
      <c r="B146" s="202"/>
      <c r="C146" s="202"/>
      <c r="D146" s="202"/>
      <c r="E146" s="202"/>
      <c r="F146" s="202"/>
      <c r="G146" s="202"/>
      <c r="H146" s="203"/>
      <c r="I146" s="204">
        <v>0</v>
      </c>
      <c r="J146" s="133">
        <v>0</v>
      </c>
      <c r="K146" s="133">
        <v>0</v>
      </c>
      <c r="L146" s="212">
        <v>0</v>
      </c>
      <c r="M146" s="212">
        <v>0</v>
      </c>
      <c r="N146" s="212">
        <v>0</v>
      </c>
      <c r="O146" s="212">
        <v>0</v>
      </c>
      <c r="P146" s="211">
        <v>0</v>
      </c>
      <c r="Q146" s="211">
        <v>0</v>
      </c>
      <c r="R146" s="211">
        <v>0</v>
      </c>
      <c r="S146" s="133">
        <v>0</v>
      </c>
      <c r="T146" s="133">
        <v>0</v>
      </c>
      <c r="U146" s="133">
        <v>0</v>
      </c>
      <c r="V146" s="205">
        <v>0</v>
      </c>
      <c r="W146" s="205">
        <v>0</v>
      </c>
      <c r="X146" s="205">
        <v>0</v>
      </c>
      <c r="Y146" s="205">
        <v>0</v>
      </c>
      <c r="Z146" s="205">
        <v>0</v>
      </c>
      <c r="AA146" s="205">
        <v>0</v>
      </c>
      <c r="AB146" s="131">
        <v>0</v>
      </c>
      <c r="AC146" s="132">
        <v>0</v>
      </c>
      <c r="AD146" s="132">
        <v>0</v>
      </c>
      <c r="AE146" s="132">
        <v>0</v>
      </c>
    </row>
    <row r="147" spans="1:31" s="3" customFormat="1" ht="24.75" customHeight="1">
      <c r="A147" s="201" t="s">
        <v>95</v>
      </c>
      <c r="B147" s="202"/>
      <c r="C147" s="202"/>
      <c r="D147" s="202"/>
      <c r="E147" s="202"/>
      <c r="F147" s="202"/>
      <c r="G147" s="202"/>
      <c r="H147" s="203"/>
      <c r="I147" s="204">
        <v>10</v>
      </c>
      <c r="J147" s="133">
        <v>10</v>
      </c>
      <c r="K147" s="133">
        <v>10</v>
      </c>
      <c r="L147" s="133">
        <v>1021</v>
      </c>
      <c r="M147" s="133">
        <v>1021</v>
      </c>
      <c r="N147" s="133">
        <v>1021</v>
      </c>
      <c r="O147" s="133">
        <v>1021</v>
      </c>
      <c r="P147" s="133">
        <v>760</v>
      </c>
      <c r="Q147" s="133">
        <v>760</v>
      </c>
      <c r="R147" s="133">
        <v>760</v>
      </c>
      <c r="S147" s="133">
        <v>64</v>
      </c>
      <c r="T147" s="133">
        <v>64</v>
      </c>
      <c r="U147" s="133">
        <v>64</v>
      </c>
      <c r="V147" s="205">
        <v>79</v>
      </c>
      <c r="W147" s="205">
        <v>79</v>
      </c>
      <c r="X147" s="205">
        <v>79</v>
      </c>
      <c r="Y147" s="205">
        <v>86</v>
      </c>
      <c r="Z147" s="205">
        <v>86</v>
      </c>
      <c r="AA147" s="205">
        <v>86</v>
      </c>
      <c r="AB147" s="131">
        <v>457396</v>
      </c>
      <c r="AC147" s="131">
        <v>457396</v>
      </c>
      <c r="AD147" s="131">
        <v>457396</v>
      </c>
      <c r="AE147" s="131">
        <v>457396</v>
      </c>
    </row>
    <row r="148" spans="1:31" s="3" customFormat="1" ht="24.75" customHeight="1">
      <c r="A148" s="201" t="s">
        <v>96</v>
      </c>
      <c r="B148" s="202"/>
      <c r="C148" s="202"/>
      <c r="D148" s="202"/>
      <c r="E148" s="202"/>
      <c r="F148" s="202"/>
      <c r="G148" s="202"/>
      <c r="H148" s="203"/>
      <c r="I148" s="204">
        <v>2</v>
      </c>
      <c r="J148" s="133">
        <v>2</v>
      </c>
      <c r="K148" s="133">
        <v>2</v>
      </c>
      <c r="L148" s="133">
        <v>8</v>
      </c>
      <c r="M148" s="133">
        <v>8</v>
      </c>
      <c r="N148" s="133">
        <v>8</v>
      </c>
      <c r="O148" s="133">
        <v>8</v>
      </c>
      <c r="P148" s="211">
        <v>6</v>
      </c>
      <c r="Q148" s="211">
        <v>6</v>
      </c>
      <c r="R148" s="211">
        <v>6</v>
      </c>
      <c r="S148" s="211">
        <v>1</v>
      </c>
      <c r="T148" s="211">
        <v>1</v>
      </c>
      <c r="U148" s="211">
        <v>1</v>
      </c>
      <c r="V148" s="205">
        <v>0</v>
      </c>
      <c r="W148" s="205">
        <v>0</v>
      </c>
      <c r="X148" s="205">
        <v>0</v>
      </c>
      <c r="Y148" s="205">
        <v>0</v>
      </c>
      <c r="Z148" s="205">
        <v>0</v>
      </c>
      <c r="AA148" s="205">
        <v>0</v>
      </c>
      <c r="AB148" s="131" t="s">
        <v>438</v>
      </c>
      <c r="AC148" s="131" t="s">
        <v>438</v>
      </c>
      <c r="AD148" s="131" t="s">
        <v>438</v>
      </c>
      <c r="AE148" s="131" t="s">
        <v>438</v>
      </c>
    </row>
    <row r="149" spans="1:31" s="3" customFormat="1" ht="24.75" customHeight="1">
      <c r="A149" s="201" t="s">
        <v>97</v>
      </c>
      <c r="B149" s="202"/>
      <c r="C149" s="202"/>
      <c r="D149" s="202"/>
      <c r="E149" s="202"/>
      <c r="F149" s="202"/>
      <c r="G149" s="202"/>
      <c r="H149" s="203"/>
      <c r="I149" s="204">
        <v>1</v>
      </c>
      <c r="J149" s="133">
        <v>1</v>
      </c>
      <c r="K149" s="133">
        <v>1</v>
      </c>
      <c r="L149" s="212">
        <v>4</v>
      </c>
      <c r="M149" s="212">
        <v>4</v>
      </c>
      <c r="N149" s="212">
        <v>4</v>
      </c>
      <c r="O149" s="212">
        <v>4</v>
      </c>
      <c r="P149" s="133">
        <v>1</v>
      </c>
      <c r="Q149" s="133">
        <v>1</v>
      </c>
      <c r="R149" s="133">
        <v>1</v>
      </c>
      <c r="S149" s="133">
        <v>0</v>
      </c>
      <c r="T149" s="133">
        <v>0</v>
      </c>
      <c r="U149" s="133">
        <v>0</v>
      </c>
      <c r="V149" s="205">
        <v>1</v>
      </c>
      <c r="W149" s="205">
        <v>1</v>
      </c>
      <c r="X149" s="205">
        <v>1</v>
      </c>
      <c r="Y149" s="205">
        <v>0</v>
      </c>
      <c r="Z149" s="205">
        <v>0</v>
      </c>
      <c r="AA149" s="205">
        <v>0</v>
      </c>
      <c r="AB149" s="131" t="s">
        <v>438</v>
      </c>
      <c r="AC149" s="132" t="s">
        <v>438</v>
      </c>
      <c r="AD149" s="132" t="s">
        <v>438</v>
      </c>
      <c r="AE149" s="132" t="s">
        <v>438</v>
      </c>
    </row>
    <row r="150" spans="1:31" s="3" customFormat="1" ht="24.75" customHeight="1">
      <c r="A150" s="201" t="s">
        <v>220</v>
      </c>
      <c r="B150" s="202"/>
      <c r="C150" s="202"/>
      <c r="D150" s="202"/>
      <c r="E150" s="202"/>
      <c r="F150" s="202"/>
      <c r="G150" s="202"/>
      <c r="H150" s="203"/>
      <c r="I150" s="204">
        <v>3</v>
      </c>
      <c r="J150" s="133">
        <v>3</v>
      </c>
      <c r="K150" s="133">
        <v>3</v>
      </c>
      <c r="L150" s="133">
        <v>256</v>
      </c>
      <c r="M150" s="133">
        <v>256</v>
      </c>
      <c r="N150" s="133">
        <v>256</v>
      </c>
      <c r="O150" s="133">
        <v>256</v>
      </c>
      <c r="P150" s="133">
        <v>177</v>
      </c>
      <c r="Q150" s="133">
        <v>177</v>
      </c>
      <c r="R150" s="133">
        <v>177</v>
      </c>
      <c r="S150" s="211">
        <v>41</v>
      </c>
      <c r="T150" s="211">
        <v>41</v>
      </c>
      <c r="U150" s="211">
        <v>41</v>
      </c>
      <c r="V150" s="205">
        <v>8</v>
      </c>
      <c r="W150" s="205">
        <v>8</v>
      </c>
      <c r="X150" s="205">
        <v>8</v>
      </c>
      <c r="Y150" s="205">
        <v>1</v>
      </c>
      <c r="Z150" s="205">
        <v>1</v>
      </c>
      <c r="AA150" s="205">
        <v>1</v>
      </c>
      <c r="AB150" s="131">
        <v>128988</v>
      </c>
      <c r="AC150" s="131">
        <v>128988</v>
      </c>
      <c r="AD150" s="131">
        <v>128988</v>
      </c>
      <c r="AE150" s="131">
        <v>128988</v>
      </c>
    </row>
    <row r="151" spans="1:31" s="3" customFormat="1" ht="24.75" customHeight="1">
      <c r="A151" s="201" t="s">
        <v>98</v>
      </c>
      <c r="B151" s="202"/>
      <c r="C151" s="202"/>
      <c r="D151" s="202"/>
      <c r="E151" s="202"/>
      <c r="F151" s="202"/>
      <c r="G151" s="202"/>
      <c r="H151" s="203"/>
      <c r="I151" s="204">
        <v>1</v>
      </c>
      <c r="J151" s="133">
        <v>1</v>
      </c>
      <c r="K151" s="133">
        <v>1</v>
      </c>
      <c r="L151" s="133">
        <v>7</v>
      </c>
      <c r="M151" s="133">
        <v>7</v>
      </c>
      <c r="N151" s="133">
        <v>7</v>
      </c>
      <c r="O151" s="133">
        <v>7</v>
      </c>
      <c r="P151" s="133">
        <v>1</v>
      </c>
      <c r="Q151" s="133">
        <v>1</v>
      </c>
      <c r="R151" s="133">
        <v>1</v>
      </c>
      <c r="S151" s="133">
        <v>1</v>
      </c>
      <c r="T151" s="133">
        <v>1</v>
      </c>
      <c r="U151" s="133">
        <v>1</v>
      </c>
      <c r="V151" s="205">
        <v>2</v>
      </c>
      <c r="W151" s="205">
        <v>2</v>
      </c>
      <c r="X151" s="205">
        <v>2</v>
      </c>
      <c r="Y151" s="205">
        <v>1</v>
      </c>
      <c r="Z151" s="205">
        <v>1</v>
      </c>
      <c r="AA151" s="205">
        <v>1</v>
      </c>
      <c r="AB151" s="131" t="s">
        <v>438</v>
      </c>
      <c r="AC151" s="132" t="s">
        <v>438</v>
      </c>
      <c r="AD151" s="132" t="s">
        <v>438</v>
      </c>
      <c r="AE151" s="132" t="s">
        <v>438</v>
      </c>
    </row>
    <row r="152" spans="1:31" s="3" customFormat="1" ht="24.75" customHeight="1">
      <c r="A152" s="201" t="s">
        <v>99</v>
      </c>
      <c r="B152" s="202"/>
      <c r="C152" s="202"/>
      <c r="D152" s="202"/>
      <c r="E152" s="202"/>
      <c r="F152" s="202"/>
      <c r="G152" s="202"/>
      <c r="H152" s="203"/>
      <c r="I152" s="204">
        <v>0</v>
      </c>
      <c r="J152" s="133">
        <v>0</v>
      </c>
      <c r="K152" s="133">
        <v>0</v>
      </c>
      <c r="L152" s="212">
        <v>0</v>
      </c>
      <c r="M152" s="212">
        <v>0</v>
      </c>
      <c r="N152" s="212">
        <v>0</v>
      </c>
      <c r="O152" s="212">
        <v>0</v>
      </c>
      <c r="P152" s="133">
        <v>0</v>
      </c>
      <c r="Q152" s="133">
        <v>0</v>
      </c>
      <c r="R152" s="133">
        <v>0</v>
      </c>
      <c r="S152" s="133">
        <v>0</v>
      </c>
      <c r="T152" s="133">
        <v>0</v>
      </c>
      <c r="U152" s="133">
        <v>0</v>
      </c>
      <c r="V152" s="205">
        <v>0</v>
      </c>
      <c r="W152" s="205">
        <v>0</v>
      </c>
      <c r="X152" s="205">
        <v>0</v>
      </c>
      <c r="Y152" s="205">
        <v>0</v>
      </c>
      <c r="Z152" s="205">
        <v>0</v>
      </c>
      <c r="AA152" s="205">
        <v>0</v>
      </c>
      <c r="AB152" s="131">
        <v>0</v>
      </c>
      <c r="AC152" s="132">
        <v>0</v>
      </c>
      <c r="AD152" s="132">
        <v>0</v>
      </c>
      <c r="AE152" s="132">
        <v>0</v>
      </c>
    </row>
    <row r="153" spans="1:31" s="3" customFormat="1" ht="24.75" customHeight="1">
      <c r="A153" s="201" t="s">
        <v>100</v>
      </c>
      <c r="B153" s="202"/>
      <c r="C153" s="202"/>
      <c r="D153" s="202"/>
      <c r="E153" s="202"/>
      <c r="F153" s="202"/>
      <c r="G153" s="202"/>
      <c r="H153" s="203"/>
      <c r="I153" s="204">
        <v>8</v>
      </c>
      <c r="J153" s="133">
        <v>8</v>
      </c>
      <c r="K153" s="133">
        <v>8</v>
      </c>
      <c r="L153" s="133">
        <v>126</v>
      </c>
      <c r="M153" s="133">
        <v>126</v>
      </c>
      <c r="N153" s="133">
        <v>126</v>
      </c>
      <c r="O153" s="133">
        <v>126</v>
      </c>
      <c r="P153" s="133">
        <v>71</v>
      </c>
      <c r="Q153" s="133">
        <v>71</v>
      </c>
      <c r="R153" s="133">
        <v>71</v>
      </c>
      <c r="S153" s="133">
        <v>17</v>
      </c>
      <c r="T153" s="133">
        <v>17</v>
      </c>
      <c r="U153" s="133">
        <v>17</v>
      </c>
      <c r="V153" s="205">
        <v>15</v>
      </c>
      <c r="W153" s="205">
        <v>15</v>
      </c>
      <c r="X153" s="205">
        <v>15</v>
      </c>
      <c r="Y153" s="205">
        <v>7</v>
      </c>
      <c r="Z153" s="205">
        <v>7</v>
      </c>
      <c r="AA153" s="205">
        <v>7</v>
      </c>
      <c r="AB153" s="131">
        <v>57389</v>
      </c>
      <c r="AC153" s="131">
        <v>57389</v>
      </c>
      <c r="AD153" s="131">
        <v>57389</v>
      </c>
      <c r="AE153" s="131">
        <v>57389</v>
      </c>
    </row>
    <row r="154" spans="1:31" s="3" customFormat="1" ht="24.75" customHeight="1">
      <c r="A154" s="201" t="s">
        <v>221</v>
      </c>
      <c r="B154" s="202"/>
      <c r="C154" s="202"/>
      <c r="D154" s="202"/>
      <c r="E154" s="202"/>
      <c r="F154" s="202"/>
      <c r="G154" s="202"/>
      <c r="H154" s="203"/>
      <c r="I154" s="204">
        <v>3</v>
      </c>
      <c r="J154" s="133">
        <v>3</v>
      </c>
      <c r="K154" s="133">
        <v>3</v>
      </c>
      <c r="L154" s="133">
        <v>1012</v>
      </c>
      <c r="M154" s="133">
        <v>1012</v>
      </c>
      <c r="N154" s="133">
        <v>1012</v>
      </c>
      <c r="O154" s="133">
        <v>1012</v>
      </c>
      <c r="P154" s="133">
        <v>875</v>
      </c>
      <c r="Q154" s="133">
        <v>875</v>
      </c>
      <c r="R154" s="133">
        <v>875</v>
      </c>
      <c r="S154" s="133">
        <v>61</v>
      </c>
      <c r="T154" s="133">
        <v>61</v>
      </c>
      <c r="U154" s="133">
        <v>61</v>
      </c>
      <c r="V154" s="205">
        <v>6</v>
      </c>
      <c r="W154" s="205">
        <v>6</v>
      </c>
      <c r="X154" s="205">
        <v>6</v>
      </c>
      <c r="Y154" s="205">
        <v>70</v>
      </c>
      <c r="Z154" s="205">
        <v>70</v>
      </c>
      <c r="AA154" s="205">
        <v>70</v>
      </c>
      <c r="AB154" s="131">
        <v>673924</v>
      </c>
      <c r="AC154" s="131">
        <v>673924</v>
      </c>
      <c r="AD154" s="131">
        <v>673924</v>
      </c>
      <c r="AE154" s="131">
        <v>673924</v>
      </c>
    </row>
    <row r="155" spans="1:31" s="3" customFormat="1" ht="24.75" customHeight="1">
      <c r="A155" s="201" t="s">
        <v>222</v>
      </c>
      <c r="B155" s="202"/>
      <c r="C155" s="202"/>
      <c r="D155" s="202"/>
      <c r="E155" s="202"/>
      <c r="F155" s="202"/>
      <c r="G155" s="202"/>
      <c r="H155" s="203"/>
      <c r="I155" s="204">
        <v>10</v>
      </c>
      <c r="J155" s="133">
        <v>10</v>
      </c>
      <c r="K155" s="133">
        <v>10</v>
      </c>
      <c r="L155" s="133">
        <v>140</v>
      </c>
      <c r="M155" s="133">
        <v>140</v>
      </c>
      <c r="N155" s="133">
        <v>140</v>
      </c>
      <c r="O155" s="133">
        <v>140</v>
      </c>
      <c r="P155" s="133">
        <v>71</v>
      </c>
      <c r="Q155" s="133">
        <v>71</v>
      </c>
      <c r="R155" s="133">
        <v>71</v>
      </c>
      <c r="S155" s="133">
        <v>18</v>
      </c>
      <c r="T155" s="133">
        <v>18</v>
      </c>
      <c r="U155" s="133">
        <v>18</v>
      </c>
      <c r="V155" s="205">
        <v>13</v>
      </c>
      <c r="W155" s="205">
        <v>13</v>
      </c>
      <c r="X155" s="205">
        <v>13</v>
      </c>
      <c r="Y155" s="205">
        <v>5</v>
      </c>
      <c r="Z155" s="205">
        <v>5</v>
      </c>
      <c r="AA155" s="205">
        <v>5</v>
      </c>
      <c r="AB155" s="131">
        <v>63647</v>
      </c>
      <c r="AC155" s="131">
        <v>63647</v>
      </c>
      <c r="AD155" s="131">
        <v>63647</v>
      </c>
      <c r="AE155" s="131">
        <v>63647</v>
      </c>
    </row>
    <row r="156" spans="1:31" s="3" customFormat="1" ht="24.75" customHeight="1">
      <c r="A156" s="201" t="s">
        <v>223</v>
      </c>
      <c r="B156" s="202"/>
      <c r="C156" s="202"/>
      <c r="D156" s="202"/>
      <c r="E156" s="202"/>
      <c r="F156" s="202"/>
      <c r="G156" s="202"/>
      <c r="H156" s="203"/>
      <c r="I156" s="204">
        <v>2</v>
      </c>
      <c r="J156" s="133">
        <v>2</v>
      </c>
      <c r="K156" s="133">
        <v>2</v>
      </c>
      <c r="L156" s="133">
        <v>26</v>
      </c>
      <c r="M156" s="133">
        <v>26</v>
      </c>
      <c r="N156" s="133">
        <v>26</v>
      </c>
      <c r="O156" s="133">
        <v>26</v>
      </c>
      <c r="P156" s="133">
        <v>14</v>
      </c>
      <c r="Q156" s="133">
        <v>14</v>
      </c>
      <c r="R156" s="133">
        <v>14</v>
      </c>
      <c r="S156" s="133">
        <v>2</v>
      </c>
      <c r="T156" s="133">
        <v>2</v>
      </c>
      <c r="U156" s="133">
        <v>2</v>
      </c>
      <c r="V156" s="205">
        <v>2</v>
      </c>
      <c r="W156" s="205">
        <v>2</v>
      </c>
      <c r="X156" s="205">
        <v>2</v>
      </c>
      <c r="Y156" s="205">
        <v>5</v>
      </c>
      <c r="Z156" s="205">
        <v>5</v>
      </c>
      <c r="AA156" s="205">
        <v>5</v>
      </c>
      <c r="AB156" s="131" t="s">
        <v>438</v>
      </c>
      <c r="AC156" s="131" t="s">
        <v>438</v>
      </c>
      <c r="AD156" s="131" t="s">
        <v>438</v>
      </c>
      <c r="AE156" s="131" t="s">
        <v>438</v>
      </c>
    </row>
    <row r="157" spans="1:31" s="3" customFormat="1" ht="24.75" customHeight="1">
      <c r="A157" s="201" t="s">
        <v>224</v>
      </c>
      <c r="B157" s="202"/>
      <c r="C157" s="202"/>
      <c r="D157" s="202"/>
      <c r="E157" s="202"/>
      <c r="F157" s="202"/>
      <c r="G157" s="202"/>
      <c r="H157" s="203"/>
      <c r="I157" s="204">
        <v>4</v>
      </c>
      <c r="J157" s="133">
        <v>4</v>
      </c>
      <c r="K157" s="133">
        <v>4</v>
      </c>
      <c r="L157" s="133">
        <v>222</v>
      </c>
      <c r="M157" s="133">
        <v>222</v>
      </c>
      <c r="N157" s="133">
        <v>222</v>
      </c>
      <c r="O157" s="133">
        <v>222</v>
      </c>
      <c r="P157" s="133">
        <v>153</v>
      </c>
      <c r="Q157" s="133">
        <v>153</v>
      </c>
      <c r="R157" s="133">
        <v>153</v>
      </c>
      <c r="S157" s="133">
        <v>22</v>
      </c>
      <c r="T157" s="133">
        <v>22</v>
      </c>
      <c r="U157" s="133">
        <v>22</v>
      </c>
      <c r="V157" s="205">
        <v>0</v>
      </c>
      <c r="W157" s="205">
        <v>0</v>
      </c>
      <c r="X157" s="205">
        <v>0</v>
      </c>
      <c r="Y157" s="205">
        <v>0</v>
      </c>
      <c r="Z157" s="205">
        <v>0</v>
      </c>
      <c r="AA157" s="205">
        <v>0</v>
      </c>
      <c r="AB157" s="131">
        <v>148772</v>
      </c>
      <c r="AC157" s="132">
        <v>148772</v>
      </c>
      <c r="AD157" s="132">
        <v>148772</v>
      </c>
      <c r="AE157" s="132">
        <v>148772</v>
      </c>
    </row>
    <row r="158" spans="1:31" s="3" customFormat="1" ht="24.75" customHeight="1">
      <c r="A158" s="201" t="s">
        <v>101</v>
      </c>
      <c r="B158" s="202"/>
      <c r="C158" s="202"/>
      <c r="D158" s="202"/>
      <c r="E158" s="202"/>
      <c r="F158" s="202"/>
      <c r="G158" s="202"/>
      <c r="H158" s="203"/>
      <c r="I158" s="204">
        <v>9</v>
      </c>
      <c r="J158" s="133">
        <v>9</v>
      </c>
      <c r="K158" s="133">
        <v>9</v>
      </c>
      <c r="L158" s="133">
        <v>340</v>
      </c>
      <c r="M158" s="133">
        <v>340</v>
      </c>
      <c r="N158" s="133">
        <v>340</v>
      </c>
      <c r="O158" s="133">
        <v>340</v>
      </c>
      <c r="P158" s="133">
        <v>138</v>
      </c>
      <c r="Q158" s="133">
        <v>138</v>
      </c>
      <c r="R158" s="133">
        <v>138</v>
      </c>
      <c r="S158" s="133">
        <v>44</v>
      </c>
      <c r="T158" s="133">
        <v>44</v>
      </c>
      <c r="U158" s="133">
        <v>44</v>
      </c>
      <c r="V158" s="205">
        <v>19</v>
      </c>
      <c r="W158" s="205">
        <v>19</v>
      </c>
      <c r="X158" s="205">
        <v>19</v>
      </c>
      <c r="Y158" s="205">
        <v>114</v>
      </c>
      <c r="Z158" s="205">
        <v>114</v>
      </c>
      <c r="AA158" s="205">
        <v>114</v>
      </c>
      <c r="AB158" s="131">
        <v>139150</v>
      </c>
      <c r="AC158" s="131">
        <v>139150</v>
      </c>
      <c r="AD158" s="131">
        <v>139150</v>
      </c>
      <c r="AE158" s="131">
        <v>139150</v>
      </c>
    </row>
    <row r="159" spans="1:31" s="3" customFormat="1" ht="24.75" customHeight="1">
      <c r="A159" s="201" t="s">
        <v>225</v>
      </c>
      <c r="B159" s="202"/>
      <c r="C159" s="202"/>
      <c r="D159" s="202"/>
      <c r="E159" s="202"/>
      <c r="F159" s="202"/>
      <c r="G159" s="202"/>
      <c r="H159" s="203"/>
      <c r="I159" s="204">
        <v>1</v>
      </c>
      <c r="J159" s="133">
        <v>1</v>
      </c>
      <c r="K159" s="133">
        <v>1</v>
      </c>
      <c r="L159" s="133">
        <v>41</v>
      </c>
      <c r="M159" s="133">
        <v>41</v>
      </c>
      <c r="N159" s="133">
        <v>41</v>
      </c>
      <c r="O159" s="133">
        <v>41</v>
      </c>
      <c r="P159" s="133">
        <v>29</v>
      </c>
      <c r="Q159" s="133">
        <v>29</v>
      </c>
      <c r="R159" s="133">
        <v>29</v>
      </c>
      <c r="S159" s="133">
        <v>8</v>
      </c>
      <c r="T159" s="133">
        <v>8</v>
      </c>
      <c r="U159" s="133">
        <v>8</v>
      </c>
      <c r="V159" s="205">
        <v>0</v>
      </c>
      <c r="W159" s="205">
        <v>0</v>
      </c>
      <c r="X159" s="205">
        <v>0</v>
      </c>
      <c r="Y159" s="205">
        <v>0</v>
      </c>
      <c r="Z159" s="205">
        <v>0</v>
      </c>
      <c r="AA159" s="205">
        <v>0</v>
      </c>
      <c r="AB159" s="131" t="s">
        <v>438</v>
      </c>
      <c r="AC159" s="132" t="s">
        <v>438</v>
      </c>
      <c r="AD159" s="132" t="s">
        <v>438</v>
      </c>
      <c r="AE159" s="132" t="s">
        <v>438</v>
      </c>
    </row>
    <row r="160" spans="1:31" s="3" customFormat="1" ht="25.5" customHeight="1">
      <c r="A160" s="201" t="s">
        <v>226</v>
      </c>
      <c r="B160" s="202"/>
      <c r="C160" s="202"/>
      <c r="D160" s="202"/>
      <c r="E160" s="202"/>
      <c r="F160" s="202"/>
      <c r="G160" s="202"/>
      <c r="H160" s="203"/>
      <c r="I160" s="204">
        <v>4</v>
      </c>
      <c r="J160" s="133">
        <v>4</v>
      </c>
      <c r="K160" s="133">
        <v>4</v>
      </c>
      <c r="L160" s="133">
        <v>191</v>
      </c>
      <c r="M160" s="133">
        <v>191</v>
      </c>
      <c r="N160" s="133">
        <v>191</v>
      </c>
      <c r="O160" s="133">
        <v>191</v>
      </c>
      <c r="P160" s="133">
        <v>114</v>
      </c>
      <c r="Q160" s="133">
        <v>114</v>
      </c>
      <c r="R160" s="133">
        <v>114</v>
      </c>
      <c r="S160" s="133">
        <v>20</v>
      </c>
      <c r="T160" s="133">
        <v>20</v>
      </c>
      <c r="U160" s="133">
        <v>20</v>
      </c>
      <c r="V160" s="205">
        <v>20</v>
      </c>
      <c r="W160" s="205">
        <v>20</v>
      </c>
      <c r="X160" s="205">
        <v>20</v>
      </c>
      <c r="Y160" s="205">
        <v>5</v>
      </c>
      <c r="Z160" s="205">
        <v>5</v>
      </c>
      <c r="AA160" s="205">
        <v>5</v>
      </c>
      <c r="AB160" s="131">
        <v>97008</v>
      </c>
      <c r="AC160" s="131">
        <v>97008</v>
      </c>
      <c r="AD160" s="131">
        <v>97008</v>
      </c>
      <c r="AE160" s="131">
        <v>97008</v>
      </c>
    </row>
    <row r="161" spans="1:35" s="3" customFormat="1" ht="25.5" customHeight="1">
      <c r="A161" s="206" t="s">
        <v>84</v>
      </c>
      <c r="B161" s="207"/>
      <c r="C161" s="207"/>
      <c r="D161" s="207"/>
      <c r="E161" s="207"/>
      <c r="F161" s="207"/>
      <c r="G161" s="207"/>
      <c r="H161" s="208"/>
      <c r="I161" s="209">
        <v>4</v>
      </c>
      <c r="J161" s="137">
        <v>4</v>
      </c>
      <c r="K161" s="137">
        <v>4</v>
      </c>
      <c r="L161" s="137">
        <v>38</v>
      </c>
      <c r="M161" s="137">
        <v>38</v>
      </c>
      <c r="N161" s="137">
        <v>38</v>
      </c>
      <c r="O161" s="137">
        <v>38</v>
      </c>
      <c r="P161" s="137">
        <v>12</v>
      </c>
      <c r="Q161" s="137">
        <v>12</v>
      </c>
      <c r="R161" s="137">
        <v>12</v>
      </c>
      <c r="S161" s="137">
        <v>13</v>
      </c>
      <c r="T161" s="137">
        <v>13</v>
      </c>
      <c r="U161" s="137">
        <v>13</v>
      </c>
      <c r="V161" s="210">
        <v>3</v>
      </c>
      <c r="W161" s="210">
        <v>3</v>
      </c>
      <c r="X161" s="210">
        <v>3</v>
      </c>
      <c r="Y161" s="210">
        <v>5</v>
      </c>
      <c r="Z161" s="210">
        <v>5</v>
      </c>
      <c r="AA161" s="210">
        <v>5</v>
      </c>
      <c r="AB161" s="135">
        <v>8917</v>
      </c>
      <c r="AC161" s="135">
        <v>8917</v>
      </c>
      <c r="AD161" s="135">
        <v>8917</v>
      </c>
      <c r="AE161" s="135">
        <v>8917</v>
      </c>
      <c r="AF161" s="111"/>
    </row>
    <row r="162" spans="1:35" s="3" customFormat="1" ht="14.25" customHeight="1">
      <c r="A162" s="41" t="s">
        <v>72</v>
      </c>
      <c r="B162" s="2"/>
      <c r="C162" s="2"/>
      <c r="D162" s="50"/>
      <c r="E162" s="45"/>
      <c r="F162" s="45"/>
      <c r="G162" s="45"/>
      <c r="H162" s="45"/>
      <c r="I162" s="46"/>
      <c r="J162" s="46"/>
      <c r="K162" s="46"/>
      <c r="L162" s="46"/>
      <c r="M162" s="53"/>
      <c r="N162" s="53"/>
      <c r="O162" s="167"/>
      <c r="P162" s="167">
        <v>0</v>
      </c>
      <c r="Q162" s="167">
        <v>0</v>
      </c>
      <c r="R162" s="46"/>
      <c r="S162" s="167"/>
      <c r="T162" s="167">
        <v>0</v>
      </c>
      <c r="U162" s="167">
        <v>0</v>
      </c>
      <c r="V162" s="43"/>
      <c r="W162" s="43"/>
      <c r="X162" s="43"/>
      <c r="Y162" s="43"/>
      <c r="Z162" s="43"/>
      <c r="AA162" s="43"/>
      <c r="AB162" s="43"/>
      <c r="AC162" s="43"/>
      <c r="AD162" s="43"/>
      <c r="AE162" s="43"/>
      <c r="AF162" s="43"/>
      <c r="AG162" s="43"/>
    </row>
    <row r="163" spans="1:35" s="3" customFormat="1" ht="20.100000000000001" customHeight="1">
      <c r="A163" s="42"/>
      <c r="B163" s="2"/>
      <c r="C163" s="2"/>
      <c r="D163" s="50"/>
      <c r="E163" s="45"/>
      <c r="F163" s="45"/>
      <c r="G163" s="45"/>
      <c r="H163" s="45"/>
      <c r="I163" s="46"/>
      <c r="J163" s="46"/>
      <c r="K163" s="46"/>
      <c r="L163" s="46"/>
      <c r="M163" s="53"/>
      <c r="N163" s="53"/>
      <c r="R163" s="46"/>
      <c r="S163" s="46"/>
      <c r="T163" s="46"/>
      <c r="U163" s="46"/>
      <c r="V163" s="54"/>
      <c r="W163" s="54"/>
      <c r="X163" s="54"/>
      <c r="Y163" s="54"/>
      <c r="Z163" s="54"/>
      <c r="AA163" s="54"/>
      <c r="AB163" s="54"/>
      <c r="AC163" s="54"/>
      <c r="AD163" s="54"/>
      <c r="AE163" s="54"/>
      <c r="AF163" s="54"/>
      <c r="AG163" s="54"/>
    </row>
    <row r="164" spans="1:35" s="30" customFormat="1" ht="15.95" customHeight="1">
      <c r="A164" s="44"/>
      <c r="B164" s="2"/>
      <c r="C164" s="2"/>
      <c r="D164" s="50"/>
      <c r="E164" s="45"/>
      <c r="F164" s="45"/>
      <c r="G164" s="45"/>
      <c r="H164" s="45"/>
      <c r="I164" s="46"/>
      <c r="J164" s="46"/>
      <c r="K164" s="46"/>
      <c r="L164" s="46"/>
      <c r="M164" s="53"/>
      <c r="N164" s="53"/>
      <c r="O164" s="53"/>
      <c r="P164" s="53"/>
      <c r="Q164" s="46"/>
      <c r="R164" s="46"/>
      <c r="S164" s="46"/>
      <c r="T164" s="46"/>
      <c r="U164" s="46"/>
      <c r="V164" s="54"/>
      <c r="W164" s="54"/>
      <c r="X164" s="54"/>
      <c r="Y164" s="54"/>
      <c r="Z164" s="54"/>
      <c r="AA164" s="54"/>
      <c r="AB164" s="54"/>
      <c r="AC164" s="54"/>
      <c r="AD164" s="54"/>
      <c r="AE164" s="54"/>
      <c r="AF164" s="54"/>
      <c r="AG164" s="54"/>
      <c r="AH164" s="3"/>
    </row>
    <row r="165" spans="1:35" s="3" customFormat="1" ht="24.75" customHeight="1">
      <c r="A165" s="55"/>
      <c r="B165" s="47"/>
      <c r="C165" s="45"/>
      <c r="D165" s="45"/>
      <c r="E165" s="45"/>
      <c r="F165" s="45"/>
      <c r="G165" s="45"/>
      <c r="H165" s="45"/>
      <c r="I165" s="46"/>
      <c r="J165" s="46"/>
      <c r="K165" s="46"/>
      <c r="L165" s="46"/>
      <c r="M165" s="46"/>
      <c r="N165" s="46"/>
      <c r="O165" s="46"/>
      <c r="P165" s="46"/>
      <c r="Q165" s="46"/>
      <c r="R165" s="13"/>
      <c r="S165" s="55"/>
      <c r="T165" s="47"/>
      <c r="U165" s="45"/>
      <c r="V165" s="45"/>
      <c r="W165" s="45"/>
      <c r="X165" s="45"/>
      <c r="Y165" s="45"/>
      <c r="Z165" s="13" t="s">
        <v>55</v>
      </c>
      <c r="AA165" s="46"/>
      <c r="AB165" s="46"/>
      <c r="AC165" s="46"/>
      <c r="AD165" s="46"/>
      <c r="AE165" s="46"/>
      <c r="AF165" s="46"/>
      <c r="AG165" s="46"/>
      <c r="AH165" s="46"/>
      <c r="AI165" s="46"/>
    </row>
    <row r="166" spans="1:35" s="3" customFormat="1" ht="24.75" customHeight="1">
      <c r="A166" s="168" t="s">
        <v>433</v>
      </c>
      <c r="B166" s="168"/>
      <c r="C166" s="168"/>
      <c r="D166" s="169"/>
      <c r="E166" s="174" t="s">
        <v>434</v>
      </c>
      <c r="F166" s="175"/>
      <c r="G166" s="175"/>
      <c r="H166" s="175"/>
      <c r="I166" s="175"/>
      <c r="J166" s="175"/>
      <c r="K166" s="175"/>
      <c r="L166" s="175"/>
      <c r="M166" s="175"/>
      <c r="N166" s="175"/>
      <c r="O166" s="175"/>
      <c r="P166" s="175"/>
      <c r="Q166" s="175"/>
      <c r="R166" s="175"/>
      <c r="S166" s="175"/>
      <c r="T166" s="176"/>
      <c r="U166" s="177" t="s">
        <v>158</v>
      </c>
      <c r="V166" s="178"/>
      <c r="W166" s="178"/>
      <c r="X166" s="178"/>
      <c r="Y166" s="178"/>
      <c r="Z166" s="179"/>
    </row>
    <row r="167" spans="1:35" s="3" customFormat="1" ht="24.75" customHeight="1">
      <c r="A167" s="170"/>
      <c r="B167" s="170"/>
      <c r="C167" s="170"/>
      <c r="D167" s="171"/>
      <c r="E167" s="186" t="s">
        <v>103</v>
      </c>
      <c r="F167" s="187"/>
      <c r="G167" s="187"/>
      <c r="H167" s="188"/>
      <c r="I167" s="195" t="s">
        <v>435</v>
      </c>
      <c r="J167" s="195"/>
      <c r="K167" s="195"/>
      <c r="L167" s="195"/>
      <c r="M167" s="195" t="s">
        <v>436</v>
      </c>
      <c r="N167" s="195"/>
      <c r="O167" s="195"/>
      <c r="P167" s="195"/>
      <c r="Q167" s="195" t="s">
        <v>437</v>
      </c>
      <c r="R167" s="195"/>
      <c r="S167" s="195"/>
      <c r="T167" s="195"/>
      <c r="U167" s="180"/>
      <c r="V167" s="181"/>
      <c r="W167" s="181"/>
      <c r="X167" s="181"/>
      <c r="Y167" s="181"/>
      <c r="Z167" s="182"/>
    </row>
    <row r="168" spans="1:35" s="3" customFormat="1" ht="24.75" customHeight="1">
      <c r="A168" s="170"/>
      <c r="B168" s="170"/>
      <c r="C168" s="170"/>
      <c r="D168" s="171"/>
      <c r="E168" s="189"/>
      <c r="F168" s="190"/>
      <c r="G168" s="190"/>
      <c r="H168" s="191"/>
      <c r="I168" s="196"/>
      <c r="J168" s="196"/>
      <c r="K168" s="196"/>
      <c r="L168" s="196"/>
      <c r="M168" s="196"/>
      <c r="N168" s="196"/>
      <c r="O168" s="196"/>
      <c r="P168" s="196"/>
      <c r="Q168" s="196"/>
      <c r="R168" s="196"/>
      <c r="S168" s="196"/>
      <c r="T168" s="196"/>
      <c r="U168" s="180"/>
      <c r="V168" s="181"/>
      <c r="W168" s="181"/>
      <c r="X168" s="181"/>
      <c r="Y168" s="181"/>
      <c r="Z168" s="182"/>
    </row>
    <row r="169" spans="1:35" s="3" customFormat="1" ht="24.75" customHeight="1">
      <c r="A169" s="170"/>
      <c r="B169" s="170"/>
      <c r="C169" s="170"/>
      <c r="D169" s="171"/>
      <c r="E169" s="189"/>
      <c r="F169" s="190"/>
      <c r="G169" s="190"/>
      <c r="H169" s="191"/>
      <c r="I169" s="196"/>
      <c r="J169" s="196"/>
      <c r="K169" s="196"/>
      <c r="L169" s="196"/>
      <c r="M169" s="196"/>
      <c r="N169" s="196"/>
      <c r="O169" s="196"/>
      <c r="P169" s="196"/>
      <c r="Q169" s="196"/>
      <c r="R169" s="196"/>
      <c r="S169" s="196"/>
      <c r="T169" s="196"/>
      <c r="U169" s="180"/>
      <c r="V169" s="181"/>
      <c r="W169" s="181"/>
      <c r="X169" s="181"/>
      <c r="Y169" s="181"/>
      <c r="Z169" s="182"/>
    </row>
    <row r="170" spans="1:35" s="3" customFormat="1" ht="24.75" customHeight="1">
      <c r="A170" s="172"/>
      <c r="B170" s="172"/>
      <c r="C170" s="172"/>
      <c r="D170" s="173"/>
      <c r="E170" s="192"/>
      <c r="F170" s="193"/>
      <c r="G170" s="193"/>
      <c r="H170" s="194"/>
      <c r="I170" s="197"/>
      <c r="J170" s="197"/>
      <c r="K170" s="197"/>
      <c r="L170" s="197"/>
      <c r="M170" s="197"/>
      <c r="N170" s="197"/>
      <c r="O170" s="197"/>
      <c r="P170" s="197"/>
      <c r="Q170" s="197"/>
      <c r="R170" s="197"/>
      <c r="S170" s="197"/>
      <c r="T170" s="197"/>
      <c r="U170" s="183"/>
      <c r="V170" s="184"/>
      <c r="W170" s="184"/>
      <c r="X170" s="184"/>
      <c r="Y170" s="184"/>
      <c r="Z170" s="185"/>
    </row>
    <row r="171" spans="1:35" s="3" customFormat="1" ht="24.75" customHeight="1">
      <c r="A171" s="198">
        <v>8784319</v>
      </c>
      <c r="B171" s="198">
        <v>8784319</v>
      </c>
      <c r="C171" s="198">
        <v>8784319</v>
      </c>
      <c r="D171" s="198">
        <v>8784319</v>
      </c>
      <c r="E171" s="198">
        <v>16873592</v>
      </c>
      <c r="F171" s="198">
        <v>16873592</v>
      </c>
      <c r="G171" s="198">
        <v>16873592</v>
      </c>
      <c r="H171" s="198">
        <v>16873592</v>
      </c>
      <c r="I171" s="198">
        <v>16189123</v>
      </c>
      <c r="J171" s="198">
        <v>16189123</v>
      </c>
      <c r="K171" s="198">
        <v>16189123</v>
      </c>
      <c r="L171" s="198">
        <v>16189123</v>
      </c>
      <c r="M171" s="198">
        <v>214044</v>
      </c>
      <c r="N171" s="198">
        <v>214044</v>
      </c>
      <c r="O171" s="198">
        <v>214044</v>
      </c>
      <c r="P171" s="198">
        <v>214044</v>
      </c>
      <c r="Q171" s="198">
        <v>470425</v>
      </c>
      <c r="R171" s="198">
        <v>470425</v>
      </c>
      <c r="S171" s="198">
        <v>470425</v>
      </c>
      <c r="T171" s="198">
        <v>470425</v>
      </c>
      <c r="U171" s="199">
        <v>6733679</v>
      </c>
      <c r="V171" s="199">
        <v>6733679</v>
      </c>
      <c r="W171" s="199">
        <v>6733679</v>
      </c>
      <c r="X171" s="199">
        <v>6733679</v>
      </c>
      <c r="Y171" s="199">
        <v>6733679</v>
      </c>
      <c r="Z171" s="200">
        <v>6733679</v>
      </c>
    </row>
    <row r="172" spans="1:35" s="3" customFormat="1" ht="24.75" customHeight="1">
      <c r="A172" s="131">
        <v>2431208</v>
      </c>
      <c r="B172" s="131">
        <v>2431208</v>
      </c>
      <c r="C172" s="131">
        <v>2431208</v>
      </c>
      <c r="D172" s="131">
        <v>2431208</v>
      </c>
      <c r="E172" s="131">
        <v>5623947</v>
      </c>
      <c r="F172" s="131">
        <v>5623947</v>
      </c>
      <c r="G172" s="131">
        <v>5623947</v>
      </c>
      <c r="H172" s="131">
        <v>5623947</v>
      </c>
      <c r="I172" s="133">
        <v>5564417</v>
      </c>
      <c r="J172" s="133">
        <v>5564417</v>
      </c>
      <c r="K172" s="133">
        <v>5564417</v>
      </c>
      <c r="L172" s="133">
        <v>5564417</v>
      </c>
      <c r="M172" s="133">
        <v>0</v>
      </c>
      <c r="N172" s="133">
        <v>0</v>
      </c>
      <c r="O172" s="133">
        <v>0</v>
      </c>
      <c r="P172" s="133">
        <v>0</v>
      </c>
      <c r="Q172" s="131">
        <v>59530</v>
      </c>
      <c r="R172" s="132">
        <v>59530</v>
      </c>
      <c r="S172" s="132">
        <v>59530</v>
      </c>
      <c r="T172" s="132">
        <v>59530</v>
      </c>
      <c r="U172" s="133">
        <v>2604211</v>
      </c>
      <c r="V172" s="133">
        <v>2604211</v>
      </c>
      <c r="W172" s="133">
        <v>2604211</v>
      </c>
      <c r="X172" s="133">
        <v>2604211</v>
      </c>
      <c r="Y172" s="133">
        <v>2604211</v>
      </c>
      <c r="Z172" s="134">
        <v>2604211</v>
      </c>
    </row>
    <row r="173" spans="1:35" s="3" customFormat="1" ht="24.75" customHeight="1">
      <c r="A173" s="131" t="s">
        <v>438</v>
      </c>
      <c r="B173" s="131" t="s">
        <v>438</v>
      </c>
      <c r="C173" s="131" t="s">
        <v>438</v>
      </c>
      <c r="D173" s="131" t="s">
        <v>438</v>
      </c>
      <c r="E173" s="131" t="s">
        <v>438</v>
      </c>
      <c r="F173" s="131" t="s">
        <v>438</v>
      </c>
      <c r="G173" s="131" t="s">
        <v>438</v>
      </c>
      <c r="H173" s="131" t="s">
        <v>438</v>
      </c>
      <c r="I173" s="131" t="s">
        <v>438</v>
      </c>
      <c r="J173" s="132" t="s">
        <v>438</v>
      </c>
      <c r="K173" s="132" t="s">
        <v>438</v>
      </c>
      <c r="L173" s="132" t="s">
        <v>438</v>
      </c>
      <c r="M173" s="131" t="s">
        <v>438</v>
      </c>
      <c r="N173" s="131" t="s">
        <v>438</v>
      </c>
      <c r="O173" s="131" t="s">
        <v>438</v>
      </c>
      <c r="P173" s="131" t="s">
        <v>438</v>
      </c>
      <c r="Q173" s="131">
        <v>0</v>
      </c>
      <c r="R173" s="132">
        <v>0</v>
      </c>
      <c r="S173" s="132">
        <v>0</v>
      </c>
      <c r="T173" s="132">
        <v>0</v>
      </c>
      <c r="U173" s="133" t="s">
        <v>438</v>
      </c>
      <c r="V173" s="133" t="s">
        <v>438</v>
      </c>
      <c r="W173" s="133" t="s">
        <v>438</v>
      </c>
      <c r="X173" s="133" t="s">
        <v>438</v>
      </c>
      <c r="Y173" s="133" t="s">
        <v>438</v>
      </c>
      <c r="Z173" s="134" t="s">
        <v>438</v>
      </c>
    </row>
    <row r="174" spans="1:35" s="3" customFormat="1" ht="24.75" customHeight="1">
      <c r="A174" s="131" t="s">
        <v>438</v>
      </c>
      <c r="B174" s="131" t="s">
        <v>438</v>
      </c>
      <c r="C174" s="131" t="s">
        <v>438</v>
      </c>
      <c r="D174" s="131" t="s">
        <v>438</v>
      </c>
      <c r="E174" s="131" t="s">
        <v>438</v>
      </c>
      <c r="F174" s="131" t="s">
        <v>438</v>
      </c>
      <c r="G174" s="131" t="s">
        <v>438</v>
      </c>
      <c r="H174" s="131" t="s">
        <v>438</v>
      </c>
      <c r="I174" s="131">
        <v>0</v>
      </c>
      <c r="J174" s="132">
        <v>0</v>
      </c>
      <c r="K174" s="132">
        <v>0</v>
      </c>
      <c r="L174" s="132">
        <v>0</v>
      </c>
      <c r="M174" s="131" t="s">
        <v>438</v>
      </c>
      <c r="N174" s="132" t="s">
        <v>438</v>
      </c>
      <c r="O174" s="132" t="s">
        <v>438</v>
      </c>
      <c r="P174" s="132" t="s">
        <v>438</v>
      </c>
      <c r="Q174" s="131">
        <v>0</v>
      </c>
      <c r="R174" s="132">
        <v>0</v>
      </c>
      <c r="S174" s="132">
        <v>0</v>
      </c>
      <c r="T174" s="132">
        <v>0</v>
      </c>
      <c r="U174" s="133" t="s">
        <v>438</v>
      </c>
      <c r="V174" s="133" t="s">
        <v>438</v>
      </c>
      <c r="W174" s="133" t="s">
        <v>438</v>
      </c>
      <c r="X174" s="133" t="s">
        <v>438</v>
      </c>
      <c r="Y174" s="133" t="s">
        <v>438</v>
      </c>
      <c r="Z174" s="134" t="s">
        <v>438</v>
      </c>
    </row>
    <row r="175" spans="1:35" s="3" customFormat="1" ht="24.75" customHeight="1">
      <c r="A175" s="131" t="s">
        <v>438</v>
      </c>
      <c r="B175" s="131" t="s">
        <v>438</v>
      </c>
      <c r="C175" s="131" t="s">
        <v>438</v>
      </c>
      <c r="D175" s="131" t="s">
        <v>438</v>
      </c>
      <c r="E175" s="131" t="s">
        <v>438</v>
      </c>
      <c r="F175" s="131" t="s">
        <v>438</v>
      </c>
      <c r="G175" s="131" t="s">
        <v>438</v>
      </c>
      <c r="H175" s="131" t="s">
        <v>438</v>
      </c>
      <c r="I175" s="131" t="s">
        <v>438</v>
      </c>
      <c r="J175" s="131" t="s">
        <v>438</v>
      </c>
      <c r="K175" s="131" t="s">
        <v>438</v>
      </c>
      <c r="L175" s="131" t="s">
        <v>438</v>
      </c>
      <c r="M175" s="131" t="s">
        <v>438</v>
      </c>
      <c r="N175" s="132" t="s">
        <v>438</v>
      </c>
      <c r="O175" s="132" t="s">
        <v>438</v>
      </c>
      <c r="P175" s="132" t="s">
        <v>438</v>
      </c>
      <c r="Q175" s="131" t="s">
        <v>438</v>
      </c>
      <c r="R175" s="132" t="s">
        <v>438</v>
      </c>
      <c r="S175" s="132" t="s">
        <v>438</v>
      </c>
      <c r="T175" s="132" t="s">
        <v>438</v>
      </c>
      <c r="U175" s="133" t="s">
        <v>438</v>
      </c>
      <c r="V175" s="133" t="s">
        <v>438</v>
      </c>
      <c r="W175" s="133" t="s">
        <v>438</v>
      </c>
      <c r="X175" s="133" t="s">
        <v>438</v>
      </c>
      <c r="Y175" s="133" t="s">
        <v>438</v>
      </c>
      <c r="Z175" s="134" t="s">
        <v>438</v>
      </c>
    </row>
    <row r="176" spans="1:35" s="3" customFormat="1" ht="24.75" customHeight="1">
      <c r="A176" s="131" t="s">
        <v>438</v>
      </c>
      <c r="B176" s="131" t="s">
        <v>438</v>
      </c>
      <c r="C176" s="131" t="s">
        <v>438</v>
      </c>
      <c r="D176" s="131" t="s">
        <v>438</v>
      </c>
      <c r="E176" s="131" t="s">
        <v>438</v>
      </c>
      <c r="F176" s="131" t="s">
        <v>438</v>
      </c>
      <c r="G176" s="131" t="s">
        <v>438</v>
      </c>
      <c r="H176" s="131" t="s">
        <v>438</v>
      </c>
      <c r="I176" s="131" t="s">
        <v>438</v>
      </c>
      <c r="J176" s="131" t="s">
        <v>438</v>
      </c>
      <c r="K176" s="131" t="s">
        <v>438</v>
      </c>
      <c r="L176" s="131" t="s">
        <v>438</v>
      </c>
      <c r="M176" s="131">
        <v>0</v>
      </c>
      <c r="N176" s="131">
        <v>0</v>
      </c>
      <c r="O176" s="131">
        <v>0</v>
      </c>
      <c r="P176" s="131">
        <v>0</v>
      </c>
      <c r="Q176" s="131">
        <v>0</v>
      </c>
      <c r="R176" s="131">
        <v>0</v>
      </c>
      <c r="S176" s="131">
        <v>0</v>
      </c>
      <c r="T176" s="131">
        <v>0</v>
      </c>
      <c r="U176" s="133" t="s">
        <v>438</v>
      </c>
      <c r="V176" s="133" t="s">
        <v>438</v>
      </c>
      <c r="W176" s="133" t="s">
        <v>438</v>
      </c>
      <c r="X176" s="133" t="s">
        <v>438</v>
      </c>
      <c r="Y176" s="133" t="s">
        <v>438</v>
      </c>
      <c r="Z176" s="134" t="s">
        <v>438</v>
      </c>
    </row>
    <row r="177" spans="1:26" s="3" customFormat="1" ht="24.75" customHeight="1">
      <c r="A177" s="131">
        <v>643980</v>
      </c>
      <c r="B177" s="131">
        <v>643980</v>
      </c>
      <c r="C177" s="131">
        <v>643980</v>
      </c>
      <c r="D177" s="131">
        <v>643980</v>
      </c>
      <c r="E177" s="131">
        <v>846477</v>
      </c>
      <c r="F177" s="131">
        <v>846477</v>
      </c>
      <c r="G177" s="131">
        <v>846477</v>
      </c>
      <c r="H177" s="131">
        <v>846477</v>
      </c>
      <c r="I177" s="133">
        <v>551981</v>
      </c>
      <c r="J177" s="133">
        <v>551981</v>
      </c>
      <c r="K177" s="133">
        <v>551981</v>
      </c>
      <c r="L177" s="133">
        <v>551981</v>
      </c>
      <c r="M177" s="131">
        <v>1730</v>
      </c>
      <c r="N177" s="132">
        <v>1730</v>
      </c>
      <c r="O177" s="132">
        <v>1730</v>
      </c>
      <c r="P177" s="132">
        <v>1730</v>
      </c>
      <c r="Q177" s="131">
        <v>292766</v>
      </c>
      <c r="R177" s="132">
        <v>292766</v>
      </c>
      <c r="S177" s="132">
        <v>292766</v>
      </c>
      <c r="T177" s="132">
        <v>292766</v>
      </c>
      <c r="U177" s="133">
        <v>167692</v>
      </c>
      <c r="V177" s="133">
        <v>167692</v>
      </c>
      <c r="W177" s="133">
        <v>167692</v>
      </c>
      <c r="X177" s="133">
        <v>167692</v>
      </c>
      <c r="Y177" s="133">
        <v>167692</v>
      </c>
      <c r="Z177" s="134">
        <v>167692</v>
      </c>
    </row>
    <row r="178" spans="1:26" s="3" customFormat="1" ht="24.75" customHeight="1">
      <c r="A178" s="131">
        <v>136094</v>
      </c>
      <c r="B178" s="131">
        <v>136094</v>
      </c>
      <c r="C178" s="131">
        <v>136094</v>
      </c>
      <c r="D178" s="131">
        <v>136094</v>
      </c>
      <c r="E178" s="131">
        <v>249110</v>
      </c>
      <c r="F178" s="131">
        <v>249110</v>
      </c>
      <c r="G178" s="131">
        <v>249110</v>
      </c>
      <c r="H178" s="131">
        <v>249110</v>
      </c>
      <c r="I178" s="131">
        <v>246514</v>
      </c>
      <c r="J178" s="131">
        <v>246514</v>
      </c>
      <c r="K178" s="131">
        <v>246514</v>
      </c>
      <c r="L178" s="131">
        <v>246514</v>
      </c>
      <c r="M178" s="131">
        <v>0</v>
      </c>
      <c r="N178" s="131">
        <v>0</v>
      </c>
      <c r="O178" s="131">
        <v>0</v>
      </c>
      <c r="P178" s="131">
        <v>0</v>
      </c>
      <c r="Q178" s="131">
        <v>2596</v>
      </c>
      <c r="R178" s="132">
        <v>2596</v>
      </c>
      <c r="S178" s="132">
        <v>2596</v>
      </c>
      <c r="T178" s="132">
        <v>2596</v>
      </c>
      <c r="U178" s="133">
        <v>103175</v>
      </c>
      <c r="V178" s="133">
        <v>103175</v>
      </c>
      <c r="W178" s="133">
        <v>103175</v>
      </c>
      <c r="X178" s="133">
        <v>103175</v>
      </c>
      <c r="Y178" s="133">
        <v>103175</v>
      </c>
      <c r="Z178" s="134">
        <v>103175</v>
      </c>
    </row>
    <row r="179" spans="1:26" s="3" customFormat="1" ht="24.75" customHeight="1">
      <c r="A179" s="131" t="s">
        <v>438</v>
      </c>
      <c r="B179" s="131" t="s">
        <v>438</v>
      </c>
      <c r="C179" s="131" t="s">
        <v>438</v>
      </c>
      <c r="D179" s="131" t="s">
        <v>438</v>
      </c>
      <c r="E179" s="131" t="s">
        <v>438</v>
      </c>
      <c r="F179" s="131" t="s">
        <v>438</v>
      </c>
      <c r="G179" s="131" t="s">
        <v>438</v>
      </c>
      <c r="H179" s="131" t="s">
        <v>438</v>
      </c>
      <c r="I179" s="131" t="s">
        <v>438</v>
      </c>
      <c r="J179" s="132" t="s">
        <v>438</v>
      </c>
      <c r="K179" s="132" t="s">
        <v>438</v>
      </c>
      <c r="L179" s="132" t="s">
        <v>438</v>
      </c>
      <c r="M179" s="131">
        <v>0</v>
      </c>
      <c r="N179" s="132">
        <v>0</v>
      </c>
      <c r="O179" s="132">
        <v>0</v>
      </c>
      <c r="P179" s="132">
        <v>0</v>
      </c>
      <c r="Q179" s="131" t="s">
        <v>438</v>
      </c>
      <c r="R179" s="132" t="s">
        <v>438</v>
      </c>
      <c r="S179" s="132" t="s">
        <v>438</v>
      </c>
      <c r="T179" s="132" t="s">
        <v>438</v>
      </c>
      <c r="U179" s="133" t="s">
        <v>438</v>
      </c>
      <c r="V179" s="133" t="s">
        <v>438</v>
      </c>
      <c r="W179" s="133" t="s">
        <v>438</v>
      </c>
      <c r="X179" s="133" t="s">
        <v>438</v>
      </c>
      <c r="Y179" s="133" t="s">
        <v>438</v>
      </c>
      <c r="Z179" s="134" t="s">
        <v>438</v>
      </c>
    </row>
    <row r="180" spans="1:26" s="3" customFormat="1" ht="24.75" customHeight="1">
      <c r="A180" s="131">
        <v>0</v>
      </c>
      <c r="B180" s="132">
        <v>0</v>
      </c>
      <c r="C180" s="132">
        <v>0</v>
      </c>
      <c r="D180" s="132">
        <v>0</v>
      </c>
      <c r="E180" s="131">
        <v>0</v>
      </c>
      <c r="F180" s="132">
        <v>0</v>
      </c>
      <c r="G180" s="132">
        <v>0</v>
      </c>
      <c r="H180" s="132">
        <v>0</v>
      </c>
      <c r="I180" s="131">
        <v>0</v>
      </c>
      <c r="J180" s="131">
        <v>0</v>
      </c>
      <c r="K180" s="131">
        <v>0</v>
      </c>
      <c r="L180" s="131">
        <v>0</v>
      </c>
      <c r="M180" s="131">
        <v>0</v>
      </c>
      <c r="N180" s="131">
        <v>0</v>
      </c>
      <c r="O180" s="131">
        <v>0</v>
      </c>
      <c r="P180" s="131">
        <v>0</v>
      </c>
      <c r="Q180" s="131">
        <v>0</v>
      </c>
      <c r="R180" s="131">
        <v>0</v>
      </c>
      <c r="S180" s="131">
        <v>0</v>
      </c>
      <c r="T180" s="131">
        <v>0</v>
      </c>
      <c r="U180" s="133">
        <v>0</v>
      </c>
      <c r="V180" s="133">
        <v>0</v>
      </c>
      <c r="W180" s="133">
        <v>0</v>
      </c>
      <c r="X180" s="133">
        <v>0</v>
      </c>
      <c r="Y180" s="133">
        <v>0</v>
      </c>
      <c r="Z180" s="134">
        <v>0</v>
      </c>
    </row>
    <row r="181" spans="1:26" s="3" customFormat="1" ht="24.75" customHeight="1">
      <c r="A181" s="131">
        <v>1808269</v>
      </c>
      <c r="B181" s="131">
        <v>1808269</v>
      </c>
      <c r="C181" s="131">
        <v>1808269</v>
      </c>
      <c r="D181" s="131">
        <v>1808269</v>
      </c>
      <c r="E181" s="131">
        <v>3055295</v>
      </c>
      <c r="F181" s="131">
        <v>3055295</v>
      </c>
      <c r="G181" s="131">
        <v>3055295</v>
      </c>
      <c r="H181" s="131">
        <v>3055295</v>
      </c>
      <c r="I181" s="131">
        <v>3015604</v>
      </c>
      <c r="J181" s="132">
        <v>3015604</v>
      </c>
      <c r="K181" s="132">
        <v>3015604</v>
      </c>
      <c r="L181" s="132">
        <v>3015604</v>
      </c>
      <c r="M181" s="131">
        <v>16874</v>
      </c>
      <c r="N181" s="132">
        <v>16874</v>
      </c>
      <c r="O181" s="132">
        <v>16874</v>
      </c>
      <c r="P181" s="132">
        <v>16874</v>
      </c>
      <c r="Q181" s="131">
        <v>22817</v>
      </c>
      <c r="R181" s="131">
        <v>22817</v>
      </c>
      <c r="S181" s="131">
        <v>22817</v>
      </c>
      <c r="T181" s="131">
        <v>22817</v>
      </c>
      <c r="U181" s="133">
        <v>1075531</v>
      </c>
      <c r="V181" s="133">
        <v>1075531</v>
      </c>
      <c r="W181" s="133">
        <v>1075531</v>
      </c>
      <c r="X181" s="133">
        <v>1075531</v>
      </c>
      <c r="Y181" s="133">
        <v>1075531</v>
      </c>
      <c r="Z181" s="134">
        <v>1075531</v>
      </c>
    </row>
    <row r="182" spans="1:26" s="3" customFormat="1" ht="24.75" customHeight="1">
      <c r="A182" s="131" t="s">
        <v>438</v>
      </c>
      <c r="B182" s="132" t="s">
        <v>438</v>
      </c>
      <c r="C182" s="132" t="s">
        <v>438</v>
      </c>
      <c r="D182" s="132" t="s">
        <v>438</v>
      </c>
      <c r="E182" s="131" t="s">
        <v>438</v>
      </c>
      <c r="F182" s="132" t="s">
        <v>438</v>
      </c>
      <c r="G182" s="132" t="s">
        <v>438</v>
      </c>
      <c r="H182" s="132" t="s">
        <v>438</v>
      </c>
      <c r="I182" s="131" t="s">
        <v>438</v>
      </c>
      <c r="J182" s="132" t="s">
        <v>438</v>
      </c>
      <c r="K182" s="132" t="s">
        <v>438</v>
      </c>
      <c r="L182" s="132" t="s">
        <v>438</v>
      </c>
      <c r="M182" s="131" t="s">
        <v>438</v>
      </c>
      <c r="N182" s="132" t="s">
        <v>438</v>
      </c>
      <c r="O182" s="132" t="s">
        <v>438</v>
      </c>
      <c r="P182" s="132" t="s">
        <v>438</v>
      </c>
      <c r="Q182" s="131">
        <v>0</v>
      </c>
      <c r="R182" s="132">
        <v>0</v>
      </c>
      <c r="S182" s="132">
        <v>0</v>
      </c>
      <c r="T182" s="132">
        <v>0</v>
      </c>
      <c r="U182" s="133" t="s">
        <v>438</v>
      </c>
      <c r="V182" s="133" t="s">
        <v>438</v>
      </c>
      <c r="W182" s="133" t="s">
        <v>438</v>
      </c>
      <c r="X182" s="133" t="s">
        <v>438</v>
      </c>
      <c r="Y182" s="133" t="s">
        <v>438</v>
      </c>
      <c r="Z182" s="134" t="s">
        <v>438</v>
      </c>
    </row>
    <row r="183" spans="1:26" s="3" customFormat="1" ht="24.75" customHeight="1">
      <c r="A183" s="131" t="s">
        <v>438</v>
      </c>
      <c r="B183" s="132" t="s">
        <v>438</v>
      </c>
      <c r="C183" s="132" t="s">
        <v>438</v>
      </c>
      <c r="D183" s="132" t="s">
        <v>438</v>
      </c>
      <c r="E183" s="131" t="s">
        <v>438</v>
      </c>
      <c r="F183" s="132" t="s">
        <v>438</v>
      </c>
      <c r="G183" s="132" t="s">
        <v>438</v>
      </c>
      <c r="H183" s="132" t="s">
        <v>438</v>
      </c>
      <c r="I183" s="131">
        <v>0</v>
      </c>
      <c r="J183" s="131">
        <v>0</v>
      </c>
      <c r="K183" s="131">
        <v>0</v>
      </c>
      <c r="L183" s="131">
        <v>0</v>
      </c>
      <c r="M183" s="131" t="s">
        <v>438</v>
      </c>
      <c r="N183" s="132" t="s">
        <v>438</v>
      </c>
      <c r="O183" s="132" t="s">
        <v>438</v>
      </c>
      <c r="P183" s="132" t="s">
        <v>438</v>
      </c>
      <c r="Q183" s="131">
        <v>0</v>
      </c>
      <c r="R183" s="131">
        <v>0</v>
      </c>
      <c r="S183" s="131">
        <v>0</v>
      </c>
      <c r="T183" s="131">
        <v>0</v>
      </c>
      <c r="U183" s="133" t="s">
        <v>438</v>
      </c>
      <c r="V183" s="133" t="s">
        <v>438</v>
      </c>
      <c r="W183" s="133" t="s">
        <v>438</v>
      </c>
      <c r="X183" s="133" t="s">
        <v>438</v>
      </c>
      <c r="Y183" s="133" t="s">
        <v>438</v>
      </c>
      <c r="Z183" s="134" t="s">
        <v>438</v>
      </c>
    </row>
    <row r="184" spans="1:26" s="3" customFormat="1" ht="24.75" customHeight="1">
      <c r="A184" s="131">
        <v>240697</v>
      </c>
      <c r="B184" s="131">
        <v>240697</v>
      </c>
      <c r="C184" s="131">
        <v>240697</v>
      </c>
      <c r="D184" s="131">
        <v>240697</v>
      </c>
      <c r="E184" s="131">
        <v>670747</v>
      </c>
      <c r="F184" s="131">
        <v>670747</v>
      </c>
      <c r="G184" s="131">
        <v>670747</v>
      </c>
      <c r="H184" s="131">
        <v>670747</v>
      </c>
      <c r="I184" s="131">
        <v>656316</v>
      </c>
      <c r="J184" s="132">
        <v>656316</v>
      </c>
      <c r="K184" s="132">
        <v>656316</v>
      </c>
      <c r="L184" s="132">
        <v>656316</v>
      </c>
      <c r="M184" s="131">
        <v>0</v>
      </c>
      <c r="N184" s="132">
        <v>0</v>
      </c>
      <c r="O184" s="132">
        <v>0</v>
      </c>
      <c r="P184" s="132">
        <v>0</v>
      </c>
      <c r="Q184" s="131">
        <v>14431</v>
      </c>
      <c r="R184" s="132">
        <v>14431</v>
      </c>
      <c r="S184" s="132">
        <v>14431</v>
      </c>
      <c r="T184" s="132">
        <v>14431</v>
      </c>
      <c r="U184" s="133">
        <v>390737</v>
      </c>
      <c r="V184" s="133">
        <v>390737</v>
      </c>
      <c r="W184" s="133">
        <v>390737</v>
      </c>
      <c r="X184" s="133">
        <v>390737</v>
      </c>
      <c r="Y184" s="133">
        <v>390737</v>
      </c>
      <c r="Z184" s="134">
        <v>390737</v>
      </c>
    </row>
    <row r="185" spans="1:26" s="3" customFormat="1" ht="24.75" customHeight="1">
      <c r="A185" s="131" t="s">
        <v>438</v>
      </c>
      <c r="B185" s="132" t="s">
        <v>438</v>
      </c>
      <c r="C185" s="132" t="s">
        <v>438</v>
      </c>
      <c r="D185" s="132" t="s">
        <v>438</v>
      </c>
      <c r="E185" s="131" t="s">
        <v>438</v>
      </c>
      <c r="F185" s="132" t="s">
        <v>438</v>
      </c>
      <c r="G185" s="132" t="s">
        <v>438</v>
      </c>
      <c r="H185" s="132" t="s">
        <v>438</v>
      </c>
      <c r="I185" s="131" t="s">
        <v>438</v>
      </c>
      <c r="J185" s="132" t="s">
        <v>438</v>
      </c>
      <c r="K185" s="132" t="s">
        <v>438</v>
      </c>
      <c r="L185" s="132" t="s">
        <v>438</v>
      </c>
      <c r="M185" s="131" t="s">
        <v>438</v>
      </c>
      <c r="N185" s="132" t="s">
        <v>438</v>
      </c>
      <c r="O185" s="132" t="s">
        <v>438</v>
      </c>
      <c r="P185" s="132" t="s">
        <v>438</v>
      </c>
      <c r="Q185" s="131">
        <v>0</v>
      </c>
      <c r="R185" s="132">
        <v>0</v>
      </c>
      <c r="S185" s="132">
        <v>0</v>
      </c>
      <c r="T185" s="132">
        <v>0</v>
      </c>
      <c r="U185" s="133" t="s">
        <v>438</v>
      </c>
      <c r="V185" s="133" t="s">
        <v>438</v>
      </c>
      <c r="W185" s="133" t="s">
        <v>438</v>
      </c>
      <c r="X185" s="133" t="s">
        <v>438</v>
      </c>
      <c r="Y185" s="133" t="s">
        <v>438</v>
      </c>
      <c r="Z185" s="134" t="s">
        <v>438</v>
      </c>
    </row>
    <row r="186" spans="1:26" s="3" customFormat="1" ht="24.75" customHeight="1">
      <c r="A186" s="131">
        <v>0</v>
      </c>
      <c r="B186" s="132">
        <v>0</v>
      </c>
      <c r="C186" s="132">
        <v>0</v>
      </c>
      <c r="D186" s="132">
        <v>0</v>
      </c>
      <c r="E186" s="131">
        <v>0</v>
      </c>
      <c r="F186" s="132">
        <v>0</v>
      </c>
      <c r="G186" s="132">
        <v>0</v>
      </c>
      <c r="H186" s="132">
        <v>0</v>
      </c>
      <c r="I186" s="131">
        <v>0</v>
      </c>
      <c r="J186" s="131">
        <v>0</v>
      </c>
      <c r="K186" s="131">
        <v>0</v>
      </c>
      <c r="L186" s="131">
        <v>0</v>
      </c>
      <c r="M186" s="131">
        <v>0</v>
      </c>
      <c r="N186" s="131">
        <v>0</v>
      </c>
      <c r="O186" s="131">
        <v>0</v>
      </c>
      <c r="P186" s="131">
        <v>0</v>
      </c>
      <c r="Q186" s="131">
        <v>0</v>
      </c>
      <c r="R186" s="132">
        <v>0</v>
      </c>
      <c r="S186" s="132">
        <v>0</v>
      </c>
      <c r="T186" s="132">
        <v>0</v>
      </c>
      <c r="U186" s="133">
        <v>0</v>
      </c>
      <c r="V186" s="133">
        <v>0</v>
      </c>
      <c r="W186" s="133">
        <v>0</v>
      </c>
      <c r="X186" s="133">
        <v>0</v>
      </c>
      <c r="Y186" s="133">
        <v>0</v>
      </c>
      <c r="Z186" s="134">
        <v>0</v>
      </c>
    </row>
    <row r="187" spans="1:26" s="3" customFormat="1" ht="24.75" customHeight="1">
      <c r="A187" s="131">
        <v>77111</v>
      </c>
      <c r="B187" s="131">
        <v>77111</v>
      </c>
      <c r="C187" s="131">
        <v>77111</v>
      </c>
      <c r="D187" s="131">
        <v>77111</v>
      </c>
      <c r="E187" s="131">
        <v>192236</v>
      </c>
      <c r="F187" s="131">
        <v>192236</v>
      </c>
      <c r="G187" s="131">
        <v>192236</v>
      </c>
      <c r="H187" s="131">
        <v>192236</v>
      </c>
      <c r="I187" s="131">
        <v>130394</v>
      </c>
      <c r="J187" s="131">
        <v>130394</v>
      </c>
      <c r="K187" s="131">
        <v>130394</v>
      </c>
      <c r="L187" s="131">
        <v>130394</v>
      </c>
      <c r="M187" s="131">
        <v>61842</v>
      </c>
      <c r="N187" s="132">
        <v>61842</v>
      </c>
      <c r="O187" s="132">
        <v>61842</v>
      </c>
      <c r="P187" s="132">
        <v>61842</v>
      </c>
      <c r="Q187" s="131">
        <v>0</v>
      </c>
      <c r="R187" s="132">
        <v>0</v>
      </c>
      <c r="S187" s="132">
        <v>0</v>
      </c>
      <c r="T187" s="132">
        <v>0</v>
      </c>
      <c r="U187" s="133">
        <v>104457</v>
      </c>
      <c r="V187" s="133">
        <v>104457</v>
      </c>
      <c r="W187" s="133">
        <v>104457</v>
      </c>
      <c r="X187" s="133">
        <v>104457</v>
      </c>
      <c r="Y187" s="133">
        <v>104457</v>
      </c>
      <c r="Z187" s="134">
        <v>104457</v>
      </c>
    </row>
    <row r="188" spans="1:26" s="3" customFormat="1" ht="24.75" customHeight="1">
      <c r="A188" s="131">
        <v>2270486</v>
      </c>
      <c r="B188" s="131">
        <v>2270486</v>
      </c>
      <c r="C188" s="131">
        <v>2270486</v>
      </c>
      <c r="D188" s="131">
        <v>2270486</v>
      </c>
      <c r="E188" s="131">
        <v>3636252</v>
      </c>
      <c r="F188" s="131">
        <v>3636252</v>
      </c>
      <c r="G188" s="131">
        <v>3636252</v>
      </c>
      <c r="H188" s="131">
        <v>3636252</v>
      </c>
      <c r="I188" s="133">
        <v>3615321</v>
      </c>
      <c r="J188" s="133">
        <v>3615321</v>
      </c>
      <c r="K188" s="133">
        <v>3615321</v>
      </c>
      <c r="L188" s="133">
        <v>3615321</v>
      </c>
      <c r="M188" s="132">
        <v>0</v>
      </c>
      <c r="N188" s="132">
        <v>0</v>
      </c>
      <c r="O188" s="132">
        <v>0</v>
      </c>
      <c r="P188" s="132">
        <v>0</v>
      </c>
      <c r="Q188" s="131">
        <v>20931</v>
      </c>
      <c r="R188" s="131">
        <v>20931</v>
      </c>
      <c r="S188" s="131">
        <v>20931</v>
      </c>
      <c r="T188" s="131">
        <v>20931</v>
      </c>
      <c r="U188" s="133">
        <v>1112812</v>
      </c>
      <c r="V188" s="133">
        <v>1112812</v>
      </c>
      <c r="W188" s="133">
        <v>1112812</v>
      </c>
      <c r="X188" s="133">
        <v>1112812</v>
      </c>
      <c r="Y188" s="133">
        <v>1112812</v>
      </c>
      <c r="Z188" s="134">
        <v>1112812</v>
      </c>
    </row>
    <row r="189" spans="1:26" s="3" customFormat="1" ht="24.75" customHeight="1">
      <c r="A189" s="131">
        <v>120214</v>
      </c>
      <c r="B189" s="131">
        <v>120214</v>
      </c>
      <c r="C189" s="131">
        <v>120214</v>
      </c>
      <c r="D189" s="131">
        <v>120214</v>
      </c>
      <c r="E189" s="131">
        <v>255893</v>
      </c>
      <c r="F189" s="131">
        <v>255893</v>
      </c>
      <c r="G189" s="131">
        <v>255893</v>
      </c>
      <c r="H189" s="131">
        <v>255893</v>
      </c>
      <c r="I189" s="131">
        <v>246052</v>
      </c>
      <c r="J189" s="131">
        <v>246052</v>
      </c>
      <c r="K189" s="131">
        <v>246052</v>
      </c>
      <c r="L189" s="131">
        <v>246052</v>
      </c>
      <c r="M189" s="131">
        <v>9841</v>
      </c>
      <c r="N189" s="131">
        <v>9841</v>
      </c>
      <c r="O189" s="131">
        <v>9841</v>
      </c>
      <c r="P189" s="131">
        <v>9841</v>
      </c>
      <c r="Q189" s="131">
        <v>0</v>
      </c>
      <c r="R189" s="131">
        <v>0</v>
      </c>
      <c r="S189" s="131">
        <v>0</v>
      </c>
      <c r="T189" s="131">
        <v>0</v>
      </c>
      <c r="U189" s="133">
        <v>97229</v>
      </c>
      <c r="V189" s="133">
        <v>97229</v>
      </c>
      <c r="W189" s="133">
        <v>97229</v>
      </c>
      <c r="X189" s="133">
        <v>97229</v>
      </c>
      <c r="Y189" s="133">
        <v>97229</v>
      </c>
      <c r="Z189" s="134">
        <v>97229</v>
      </c>
    </row>
    <row r="190" spans="1:26" s="3" customFormat="1" ht="24.75" customHeight="1">
      <c r="A190" s="131" t="s">
        <v>438</v>
      </c>
      <c r="B190" s="131" t="s">
        <v>438</v>
      </c>
      <c r="C190" s="131" t="s">
        <v>438</v>
      </c>
      <c r="D190" s="131" t="s">
        <v>438</v>
      </c>
      <c r="E190" s="131" t="s">
        <v>438</v>
      </c>
      <c r="F190" s="131" t="s">
        <v>438</v>
      </c>
      <c r="G190" s="131" t="s">
        <v>438</v>
      </c>
      <c r="H190" s="131" t="s">
        <v>438</v>
      </c>
      <c r="I190" s="131" t="s">
        <v>438</v>
      </c>
      <c r="J190" s="131" t="s">
        <v>438</v>
      </c>
      <c r="K190" s="131" t="s">
        <v>438</v>
      </c>
      <c r="L190" s="131" t="s">
        <v>438</v>
      </c>
      <c r="M190" s="131" t="s">
        <v>438</v>
      </c>
      <c r="N190" s="132" t="s">
        <v>438</v>
      </c>
      <c r="O190" s="132" t="s">
        <v>438</v>
      </c>
      <c r="P190" s="132" t="s">
        <v>438</v>
      </c>
      <c r="Q190" s="131" t="s">
        <v>438</v>
      </c>
      <c r="R190" s="132" t="s">
        <v>438</v>
      </c>
      <c r="S190" s="132" t="s">
        <v>438</v>
      </c>
      <c r="T190" s="132" t="s">
        <v>438</v>
      </c>
      <c r="U190" s="133" t="s">
        <v>438</v>
      </c>
      <c r="V190" s="133" t="s">
        <v>438</v>
      </c>
      <c r="W190" s="133" t="s">
        <v>438</v>
      </c>
      <c r="X190" s="133" t="s">
        <v>438</v>
      </c>
      <c r="Y190" s="133" t="s">
        <v>438</v>
      </c>
      <c r="Z190" s="134" t="s">
        <v>438</v>
      </c>
    </row>
    <row r="191" spans="1:26" s="3" customFormat="1" ht="24.75" customHeight="1">
      <c r="A191" s="131">
        <v>305341</v>
      </c>
      <c r="B191" s="131">
        <v>305341</v>
      </c>
      <c r="C191" s="131">
        <v>305341</v>
      </c>
      <c r="D191" s="131">
        <v>305341</v>
      </c>
      <c r="E191" s="131">
        <v>803367</v>
      </c>
      <c r="F191" s="131">
        <v>803367</v>
      </c>
      <c r="G191" s="131">
        <v>803367</v>
      </c>
      <c r="H191" s="131">
        <v>803367</v>
      </c>
      <c r="I191" s="131">
        <v>802967</v>
      </c>
      <c r="J191" s="131">
        <v>802967</v>
      </c>
      <c r="K191" s="131">
        <v>802967</v>
      </c>
      <c r="L191" s="131">
        <v>802967</v>
      </c>
      <c r="M191" s="131">
        <v>0</v>
      </c>
      <c r="N191" s="131">
        <v>0</v>
      </c>
      <c r="O191" s="131">
        <v>0</v>
      </c>
      <c r="P191" s="131">
        <v>0</v>
      </c>
      <c r="Q191" s="131">
        <v>400</v>
      </c>
      <c r="R191" s="131">
        <v>400</v>
      </c>
      <c r="S191" s="131">
        <v>400</v>
      </c>
      <c r="T191" s="131">
        <v>400</v>
      </c>
      <c r="U191" s="133">
        <v>400234</v>
      </c>
      <c r="V191" s="133">
        <v>400234</v>
      </c>
      <c r="W191" s="133">
        <v>400234</v>
      </c>
      <c r="X191" s="133">
        <v>400234</v>
      </c>
      <c r="Y191" s="133">
        <v>400234</v>
      </c>
      <c r="Z191" s="134">
        <v>400234</v>
      </c>
    </row>
    <row r="192" spans="1:26" s="3" customFormat="1" ht="24.75" customHeight="1">
      <c r="A192" s="131">
        <v>221326</v>
      </c>
      <c r="B192" s="131">
        <v>221326</v>
      </c>
      <c r="C192" s="131">
        <v>221326</v>
      </c>
      <c r="D192" s="131">
        <v>221326</v>
      </c>
      <c r="E192" s="131">
        <v>527156</v>
      </c>
      <c r="F192" s="131">
        <v>527156</v>
      </c>
      <c r="G192" s="131">
        <v>527156</v>
      </c>
      <c r="H192" s="131">
        <v>527156</v>
      </c>
      <c r="I192" s="131">
        <v>468090</v>
      </c>
      <c r="J192" s="132">
        <v>468090</v>
      </c>
      <c r="K192" s="132">
        <v>468090</v>
      </c>
      <c r="L192" s="132">
        <v>468090</v>
      </c>
      <c r="M192" s="131">
        <v>59066</v>
      </c>
      <c r="N192" s="132">
        <v>59066</v>
      </c>
      <c r="O192" s="132">
        <v>59066</v>
      </c>
      <c r="P192" s="132">
        <v>59066</v>
      </c>
      <c r="Q192" s="131">
        <v>0</v>
      </c>
      <c r="R192" s="132">
        <v>0</v>
      </c>
      <c r="S192" s="132">
        <v>0</v>
      </c>
      <c r="T192" s="132">
        <v>0</v>
      </c>
      <c r="U192" s="133">
        <v>233550</v>
      </c>
      <c r="V192" s="133">
        <v>233550</v>
      </c>
      <c r="W192" s="133">
        <v>233550</v>
      </c>
      <c r="X192" s="133">
        <v>233550</v>
      </c>
      <c r="Y192" s="133">
        <v>233550</v>
      </c>
      <c r="Z192" s="134">
        <v>233550</v>
      </c>
    </row>
    <row r="193" spans="1:34" s="3" customFormat="1" ht="24.75" customHeight="1">
      <c r="A193" s="131" t="s">
        <v>438</v>
      </c>
      <c r="B193" s="131" t="s">
        <v>438</v>
      </c>
      <c r="C193" s="131" t="s">
        <v>438</v>
      </c>
      <c r="D193" s="131" t="s">
        <v>438</v>
      </c>
      <c r="E193" s="131" t="s">
        <v>438</v>
      </c>
      <c r="F193" s="131" t="s">
        <v>438</v>
      </c>
      <c r="G193" s="131" t="s">
        <v>438</v>
      </c>
      <c r="H193" s="131" t="s">
        <v>438</v>
      </c>
      <c r="I193" s="131" t="s">
        <v>438</v>
      </c>
      <c r="J193" s="132" t="s">
        <v>438</v>
      </c>
      <c r="K193" s="132" t="s">
        <v>438</v>
      </c>
      <c r="L193" s="132" t="s">
        <v>438</v>
      </c>
      <c r="M193" s="131">
        <v>0</v>
      </c>
      <c r="N193" s="132">
        <v>0</v>
      </c>
      <c r="O193" s="132">
        <v>0</v>
      </c>
      <c r="P193" s="132">
        <v>0</v>
      </c>
      <c r="Q193" s="131" t="s">
        <v>438</v>
      </c>
      <c r="R193" s="132" t="s">
        <v>438</v>
      </c>
      <c r="S193" s="132" t="s">
        <v>438</v>
      </c>
      <c r="T193" s="132" t="s">
        <v>438</v>
      </c>
      <c r="U193" s="133" t="s">
        <v>438</v>
      </c>
      <c r="V193" s="133" t="s">
        <v>438</v>
      </c>
      <c r="W193" s="133" t="s">
        <v>438</v>
      </c>
      <c r="X193" s="133" t="s">
        <v>438</v>
      </c>
      <c r="Y193" s="133" t="s">
        <v>438</v>
      </c>
      <c r="Z193" s="134" t="s">
        <v>438</v>
      </c>
    </row>
    <row r="194" spans="1:34" s="3" customFormat="1" ht="24" customHeight="1">
      <c r="A194" s="131">
        <v>386207</v>
      </c>
      <c r="B194" s="131">
        <v>386207</v>
      </c>
      <c r="C194" s="131">
        <v>386207</v>
      </c>
      <c r="D194" s="131">
        <v>386207</v>
      </c>
      <c r="E194" s="131">
        <v>584293</v>
      </c>
      <c r="F194" s="131">
        <v>584293</v>
      </c>
      <c r="G194" s="131">
        <v>584293</v>
      </c>
      <c r="H194" s="131">
        <v>584293</v>
      </c>
      <c r="I194" s="131">
        <v>543139</v>
      </c>
      <c r="J194" s="132">
        <v>543139</v>
      </c>
      <c r="K194" s="132">
        <v>543139</v>
      </c>
      <c r="L194" s="132">
        <v>543139</v>
      </c>
      <c r="M194" s="131">
        <v>41154</v>
      </c>
      <c r="N194" s="132">
        <v>41154</v>
      </c>
      <c r="O194" s="132">
        <v>41154</v>
      </c>
      <c r="P194" s="132">
        <v>41154</v>
      </c>
      <c r="Q194" s="131">
        <v>0</v>
      </c>
      <c r="R194" s="132">
        <v>0</v>
      </c>
      <c r="S194" s="132">
        <v>0</v>
      </c>
      <c r="T194" s="132">
        <v>0</v>
      </c>
      <c r="U194" s="133">
        <v>178517</v>
      </c>
      <c r="V194" s="133">
        <v>178517</v>
      </c>
      <c r="W194" s="133">
        <v>178517</v>
      </c>
      <c r="X194" s="133">
        <v>178517</v>
      </c>
      <c r="Y194" s="133">
        <v>178517</v>
      </c>
      <c r="Z194" s="134">
        <v>178517</v>
      </c>
    </row>
    <row r="195" spans="1:34" s="3" customFormat="1" ht="24" customHeight="1">
      <c r="A195" s="135">
        <v>17077</v>
      </c>
      <c r="B195" s="135">
        <v>17077</v>
      </c>
      <c r="C195" s="135">
        <v>17077</v>
      </c>
      <c r="D195" s="135">
        <v>17077</v>
      </c>
      <c r="E195" s="135">
        <v>40919</v>
      </c>
      <c r="F195" s="135">
        <v>40919</v>
      </c>
      <c r="G195" s="135">
        <v>40919</v>
      </c>
      <c r="H195" s="135">
        <v>40919</v>
      </c>
      <c r="I195" s="135">
        <v>30023</v>
      </c>
      <c r="J195" s="135">
        <v>30023</v>
      </c>
      <c r="K195" s="135">
        <v>30023</v>
      </c>
      <c r="L195" s="135">
        <v>30023</v>
      </c>
      <c r="M195" s="135">
        <v>8109</v>
      </c>
      <c r="N195" s="136">
        <v>8109</v>
      </c>
      <c r="O195" s="136">
        <v>8109</v>
      </c>
      <c r="P195" s="136">
        <v>8109</v>
      </c>
      <c r="Q195" s="135">
        <v>2787</v>
      </c>
      <c r="R195" s="136">
        <v>2787</v>
      </c>
      <c r="S195" s="136">
        <v>2787</v>
      </c>
      <c r="T195" s="136">
        <v>2787</v>
      </c>
      <c r="U195" s="137">
        <v>22286</v>
      </c>
      <c r="V195" s="137">
        <v>22286</v>
      </c>
      <c r="W195" s="137">
        <v>22286</v>
      </c>
      <c r="X195" s="137">
        <v>22286</v>
      </c>
      <c r="Y195" s="137">
        <v>22286</v>
      </c>
      <c r="Z195" s="138">
        <v>22286</v>
      </c>
    </row>
    <row r="196" spans="1:34" s="3" customFormat="1" ht="14.25" customHeight="1">
      <c r="A196" s="45"/>
      <c r="B196" s="45"/>
      <c r="C196" s="45"/>
      <c r="D196" s="49"/>
      <c r="F196" s="46"/>
      <c r="G196" s="46"/>
      <c r="H196" s="46"/>
      <c r="I196" s="46"/>
      <c r="J196" s="46"/>
      <c r="K196" s="46"/>
      <c r="L196" s="46"/>
      <c r="M196" s="46"/>
      <c r="N196" s="46"/>
      <c r="Z196" s="43" t="s">
        <v>439</v>
      </c>
    </row>
    <row r="197" spans="1:34" s="1" customFormat="1" ht="20.100000000000001" customHeight="1">
      <c r="A197" s="139"/>
      <c r="B197" s="139"/>
      <c r="C197" s="139"/>
      <c r="D197" s="45"/>
      <c r="E197" s="45"/>
      <c r="F197" s="45"/>
      <c r="G197" s="49"/>
      <c r="H197" s="49"/>
      <c r="I197" s="46"/>
      <c r="J197" s="46"/>
      <c r="K197" s="46"/>
      <c r="L197" s="46"/>
      <c r="M197" s="46"/>
      <c r="N197" s="46"/>
      <c r="O197" s="46"/>
      <c r="P197" s="46"/>
      <c r="Q197" s="46"/>
      <c r="R197" s="46"/>
      <c r="S197" s="46"/>
      <c r="T197" s="46"/>
      <c r="U197" s="46"/>
      <c r="V197" s="43"/>
      <c r="W197" s="43"/>
      <c r="X197" s="43"/>
      <c r="Y197" s="43"/>
      <c r="Z197" s="43"/>
      <c r="AA197" s="43"/>
      <c r="AB197" s="43"/>
      <c r="AC197" s="43"/>
      <c r="AD197" s="43"/>
      <c r="AE197" s="43"/>
      <c r="AF197" s="43"/>
      <c r="AG197" s="43"/>
      <c r="AH197" s="3"/>
    </row>
    <row r="198" spans="1:34" s="1" customFormat="1" ht="15.95" customHeight="1">
      <c r="A198" s="151" t="s">
        <v>104</v>
      </c>
      <c r="B198" s="151"/>
      <c r="C198" s="151"/>
      <c r="D198" s="151"/>
      <c r="E198" s="151"/>
      <c r="F198" s="151"/>
      <c r="G198" s="151"/>
      <c r="H198" s="151"/>
      <c r="I198" s="151"/>
      <c r="J198" s="151"/>
      <c r="K198" s="151"/>
      <c r="L198" s="151"/>
      <c r="M198" s="151"/>
      <c r="N198" s="151"/>
      <c r="O198" s="151"/>
      <c r="P198" s="151"/>
      <c r="Q198" s="151"/>
      <c r="R198" s="151"/>
      <c r="S198" s="151"/>
      <c r="T198" s="151"/>
      <c r="U198" s="151"/>
      <c r="V198" s="151"/>
      <c r="W198" s="151"/>
      <c r="X198" s="151"/>
      <c r="Y198" s="151"/>
      <c r="Z198" s="151"/>
      <c r="AA198" s="151"/>
      <c r="AB198" s="151"/>
      <c r="AC198" s="151"/>
      <c r="AD198" s="151"/>
      <c r="AE198" s="151"/>
      <c r="AF198" s="151"/>
      <c r="AG198" s="151"/>
    </row>
    <row r="199" spans="1:34" s="30" customFormat="1" ht="15.95" customHeight="1">
      <c r="A199" s="44" t="s">
        <v>352</v>
      </c>
      <c r="B199" s="57"/>
      <c r="C199" s="58"/>
      <c r="D199" s="58"/>
      <c r="E199" s="58"/>
      <c r="F199" s="58"/>
      <c r="G199" s="58"/>
      <c r="H199" s="58"/>
      <c r="I199" s="58"/>
      <c r="J199" s="58"/>
      <c r="K199" s="58"/>
      <c r="L199" s="58"/>
      <c r="M199" s="58"/>
      <c r="N199" s="58"/>
      <c r="O199" s="58"/>
      <c r="P199" s="58"/>
      <c r="Q199" s="58"/>
      <c r="R199" s="58"/>
      <c r="S199" s="58"/>
      <c r="T199" s="58"/>
      <c r="U199" s="58"/>
      <c r="V199" s="58"/>
      <c r="W199" s="58"/>
      <c r="X199" s="58"/>
      <c r="Y199" s="58"/>
      <c r="Z199" s="58"/>
      <c r="AA199" s="58"/>
      <c r="AB199" s="58"/>
      <c r="AC199" s="58"/>
      <c r="AD199" s="58"/>
    </row>
    <row r="200" spans="1:34" s="30" customFormat="1" ht="20.100000000000001" customHeight="1">
      <c r="A200" s="44"/>
      <c r="B200" s="55" t="s">
        <v>440</v>
      </c>
      <c r="C200" s="58"/>
      <c r="D200" s="58"/>
      <c r="E200" s="58"/>
      <c r="F200" s="58"/>
      <c r="G200" s="58"/>
      <c r="H200" s="58"/>
      <c r="I200" s="58"/>
      <c r="J200" s="58"/>
      <c r="K200" s="58"/>
      <c r="L200" s="58"/>
      <c r="M200" s="58"/>
      <c r="N200" s="58"/>
      <c r="O200" s="58"/>
      <c r="P200" s="58"/>
      <c r="Q200" s="58"/>
      <c r="R200" s="58"/>
      <c r="S200" s="58"/>
      <c r="T200" s="58"/>
      <c r="U200" s="58"/>
      <c r="V200" s="58"/>
      <c r="W200" s="58"/>
      <c r="X200" s="58"/>
      <c r="Y200" s="58"/>
      <c r="Z200" s="58"/>
      <c r="AA200" s="58"/>
      <c r="AB200" s="58"/>
      <c r="AC200" s="58"/>
      <c r="AD200" s="58"/>
    </row>
    <row r="201" spans="1:34" s="30" customFormat="1" ht="20.100000000000001" customHeight="1">
      <c r="A201" s="214" t="s">
        <v>38</v>
      </c>
      <c r="B201" s="215"/>
      <c r="C201" s="215"/>
      <c r="D201" s="216"/>
      <c r="E201" s="153" t="s">
        <v>39</v>
      </c>
      <c r="F201" s="154"/>
      <c r="G201" s="154"/>
      <c r="H201" s="154"/>
      <c r="I201" s="154"/>
      <c r="J201" s="155"/>
      <c r="K201" s="153" t="s">
        <v>105</v>
      </c>
      <c r="L201" s="154"/>
      <c r="M201" s="154"/>
      <c r="N201" s="154"/>
      <c r="O201" s="154"/>
      <c r="P201" s="155"/>
      <c r="Q201" s="153" t="s">
        <v>442</v>
      </c>
      <c r="R201" s="154"/>
      <c r="S201" s="154"/>
      <c r="T201" s="154"/>
      <c r="U201" s="154"/>
      <c r="V201" s="154"/>
      <c r="W201" s="154"/>
      <c r="X201" s="154"/>
      <c r="Y201" s="154"/>
      <c r="Z201" s="154"/>
      <c r="AA201" s="154"/>
      <c r="AB201" s="155"/>
      <c r="AC201" s="153" t="s">
        <v>194</v>
      </c>
      <c r="AD201" s="154"/>
      <c r="AE201" s="154"/>
      <c r="AF201" s="563"/>
    </row>
    <row r="202" spans="1:34" s="30" customFormat="1" ht="20.100000000000001" customHeight="1">
      <c r="A202" s="377"/>
      <c r="B202" s="378"/>
      <c r="C202" s="378"/>
      <c r="D202" s="379"/>
      <c r="E202" s="148"/>
      <c r="F202" s="149"/>
      <c r="G202" s="149"/>
      <c r="H202" s="149"/>
      <c r="I202" s="149"/>
      <c r="J202" s="156"/>
      <c r="K202" s="148"/>
      <c r="L202" s="149"/>
      <c r="M202" s="149"/>
      <c r="N202" s="149"/>
      <c r="O202" s="149"/>
      <c r="P202" s="156"/>
      <c r="Q202" s="148"/>
      <c r="R202" s="149"/>
      <c r="S202" s="149"/>
      <c r="T202" s="149"/>
      <c r="U202" s="149"/>
      <c r="V202" s="149"/>
      <c r="W202" s="149"/>
      <c r="X202" s="149"/>
      <c r="Y202" s="149"/>
      <c r="Z202" s="149"/>
      <c r="AA202" s="149"/>
      <c r="AB202" s="156"/>
      <c r="AC202" s="148"/>
      <c r="AD202" s="149"/>
      <c r="AE202" s="149"/>
      <c r="AF202" s="150"/>
    </row>
    <row r="203" spans="1:34" s="30" customFormat="1" ht="20.100000000000001" customHeight="1">
      <c r="A203" s="157" t="s">
        <v>169</v>
      </c>
      <c r="B203" s="158"/>
      <c r="C203" s="158"/>
      <c r="D203" s="159"/>
      <c r="E203" s="145" t="s">
        <v>45</v>
      </c>
      <c r="F203" s="147"/>
      <c r="G203" s="145" t="s">
        <v>106</v>
      </c>
      <c r="H203" s="147"/>
      <c r="I203" s="145" t="s">
        <v>107</v>
      </c>
      <c r="J203" s="147"/>
      <c r="K203" s="145" t="s">
        <v>45</v>
      </c>
      <c r="L203" s="147"/>
      <c r="M203" s="145" t="s">
        <v>108</v>
      </c>
      <c r="N203" s="147"/>
      <c r="O203" s="145" t="s">
        <v>109</v>
      </c>
      <c r="P203" s="147"/>
      <c r="Q203" s="152" t="s">
        <v>45</v>
      </c>
      <c r="R203" s="152"/>
      <c r="S203" s="152"/>
      <c r="T203" s="152"/>
      <c r="U203" s="152" t="s">
        <v>108</v>
      </c>
      <c r="V203" s="152"/>
      <c r="W203" s="152"/>
      <c r="X203" s="152"/>
      <c r="Y203" s="145" t="s">
        <v>107</v>
      </c>
      <c r="Z203" s="146"/>
      <c r="AA203" s="146"/>
      <c r="AB203" s="147"/>
      <c r="AC203" s="148" t="s">
        <v>288</v>
      </c>
      <c r="AD203" s="149"/>
      <c r="AE203" s="149"/>
      <c r="AF203" s="150"/>
    </row>
    <row r="204" spans="1:34" s="30" customFormat="1" ht="18.75" customHeight="1">
      <c r="A204" s="632">
        <v>26</v>
      </c>
      <c r="B204" s="633"/>
      <c r="C204" s="633"/>
      <c r="D204" s="634"/>
      <c r="E204" s="659">
        <v>278</v>
      </c>
      <c r="F204" s="161"/>
      <c r="G204" s="161">
        <v>46</v>
      </c>
      <c r="H204" s="161"/>
      <c r="I204" s="161">
        <v>232</v>
      </c>
      <c r="J204" s="161"/>
      <c r="K204" s="161">
        <v>2784</v>
      </c>
      <c r="L204" s="161"/>
      <c r="M204" s="161">
        <v>221</v>
      </c>
      <c r="N204" s="161"/>
      <c r="O204" s="161">
        <v>2563</v>
      </c>
      <c r="P204" s="161"/>
      <c r="Q204" s="161">
        <v>594</v>
      </c>
      <c r="R204" s="161"/>
      <c r="S204" s="161"/>
      <c r="T204" s="161"/>
      <c r="U204" s="161">
        <v>214</v>
      </c>
      <c r="V204" s="161"/>
      <c r="W204" s="161"/>
      <c r="X204" s="161"/>
      <c r="Y204" s="667">
        <v>380</v>
      </c>
      <c r="Z204" s="667"/>
      <c r="AA204" s="667"/>
      <c r="AB204" s="667"/>
      <c r="AC204" s="667">
        <v>53543</v>
      </c>
      <c r="AD204" s="667"/>
      <c r="AE204" s="667"/>
      <c r="AF204" s="668"/>
    </row>
    <row r="205" spans="1:34" s="48" customFormat="1" ht="18.75" customHeight="1">
      <c r="A205" s="162">
        <v>28</v>
      </c>
      <c r="B205" s="163"/>
      <c r="C205" s="163"/>
      <c r="D205" s="164"/>
      <c r="E205" s="937">
        <v>301</v>
      </c>
      <c r="F205" s="160"/>
      <c r="G205" s="160">
        <v>53</v>
      </c>
      <c r="H205" s="160"/>
      <c r="I205" s="160">
        <v>248</v>
      </c>
      <c r="J205" s="160"/>
      <c r="K205" s="160">
        <v>3300</v>
      </c>
      <c r="L205" s="160"/>
      <c r="M205" s="160">
        <v>378</v>
      </c>
      <c r="N205" s="160"/>
      <c r="O205" s="160">
        <v>2922</v>
      </c>
      <c r="P205" s="160"/>
      <c r="Q205" s="160">
        <v>714</v>
      </c>
      <c r="R205" s="160"/>
      <c r="S205" s="160"/>
      <c r="T205" s="160"/>
      <c r="U205" s="160">
        <v>247</v>
      </c>
      <c r="V205" s="160"/>
      <c r="W205" s="160"/>
      <c r="X205" s="160"/>
      <c r="Y205" s="408">
        <v>467</v>
      </c>
      <c r="Z205" s="408"/>
      <c r="AA205" s="408"/>
      <c r="AB205" s="408"/>
      <c r="AC205" s="408">
        <v>57562</v>
      </c>
      <c r="AD205" s="408"/>
      <c r="AE205" s="408"/>
      <c r="AF205" s="657"/>
    </row>
    <row r="206" spans="1:34" s="3" customFormat="1" ht="18.75" customHeight="1">
      <c r="A206" s="866">
        <v>3</v>
      </c>
      <c r="B206" s="867"/>
      <c r="C206" s="867"/>
      <c r="D206" s="868"/>
      <c r="E206" s="143">
        <v>339</v>
      </c>
      <c r="F206" s="144"/>
      <c r="G206" s="144">
        <v>62</v>
      </c>
      <c r="H206" s="144"/>
      <c r="I206" s="144">
        <v>277</v>
      </c>
      <c r="J206" s="144"/>
      <c r="K206" s="144">
        <v>3556</v>
      </c>
      <c r="L206" s="144"/>
      <c r="M206" s="144">
        <v>492</v>
      </c>
      <c r="N206" s="144"/>
      <c r="O206" s="144">
        <v>3064</v>
      </c>
      <c r="P206" s="144"/>
      <c r="Q206" s="144">
        <v>1148</v>
      </c>
      <c r="R206" s="144"/>
      <c r="S206" s="144"/>
      <c r="T206" s="144"/>
      <c r="U206" s="144">
        <v>693</v>
      </c>
      <c r="V206" s="144"/>
      <c r="W206" s="144"/>
      <c r="X206" s="144"/>
      <c r="Y206" s="658">
        <v>455</v>
      </c>
      <c r="Z206" s="658"/>
      <c r="AA206" s="658"/>
      <c r="AB206" s="658"/>
      <c r="AC206" s="165">
        <v>69510</v>
      </c>
      <c r="AD206" s="165"/>
      <c r="AE206" s="165"/>
      <c r="AF206" s="166"/>
    </row>
    <row r="207" spans="1:34" s="3" customFormat="1" ht="13.5" customHeight="1">
      <c r="A207" s="8" t="s">
        <v>316</v>
      </c>
      <c r="B207" s="59"/>
      <c r="C207" s="59"/>
      <c r="D207" s="59"/>
      <c r="E207" s="42"/>
      <c r="F207" s="42"/>
      <c r="G207" s="42"/>
      <c r="H207" s="42"/>
      <c r="I207" s="42"/>
      <c r="J207" s="42"/>
      <c r="K207" s="42"/>
      <c r="L207" s="42"/>
      <c r="M207" s="42"/>
      <c r="N207" s="42"/>
      <c r="O207" s="42"/>
      <c r="P207" s="42"/>
      <c r="Q207" s="42"/>
      <c r="R207" s="42"/>
      <c r="S207" s="42"/>
      <c r="T207" s="42"/>
      <c r="U207" s="42"/>
      <c r="V207" s="42"/>
      <c r="W207" s="42"/>
      <c r="X207" s="42"/>
      <c r="Y207" s="42"/>
      <c r="Z207" s="42"/>
      <c r="AA207" s="42"/>
      <c r="AB207" s="42"/>
      <c r="AC207" s="42"/>
      <c r="AD207" s="42"/>
      <c r="AE207" s="42"/>
      <c r="AF207" s="43" t="s">
        <v>349</v>
      </c>
      <c r="AG207" s="42"/>
    </row>
    <row r="208" spans="1:34" s="3" customFormat="1" ht="15.95" customHeight="1">
      <c r="A208" s="8" t="s">
        <v>441</v>
      </c>
      <c r="C208" s="34"/>
      <c r="D208" s="34"/>
      <c r="E208" s="34"/>
      <c r="F208" s="34"/>
      <c r="G208" s="34"/>
      <c r="H208"/>
      <c r="I208"/>
      <c r="J208"/>
      <c r="K208"/>
      <c r="L208"/>
      <c r="M208"/>
      <c r="N208"/>
      <c r="O208"/>
      <c r="P208"/>
      <c r="Q208"/>
      <c r="R208"/>
      <c r="S208"/>
      <c r="T208"/>
      <c r="U208"/>
      <c r="W208" s="43"/>
      <c r="X208" s="43"/>
      <c r="Y208" s="43"/>
      <c r="Z208" s="43"/>
      <c r="AA208" s="43"/>
      <c r="AB208" s="43"/>
      <c r="AC208" s="43"/>
      <c r="AD208" s="43"/>
      <c r="AE208" s="43"/>
      <c r="AF208" s="43"/>
      <c r="AG208" s="43"/>
    </row>
    <row r="209" spans="1:34" s="3" customFormat="1" ht="13.5" customHeight="1">
      <c r="A209" s="116"/>
      <c r="B209" s="45"/>
      <c r="C209" s="45"/>
      <c r="D209" s="45"/>
      <c r="E209" s="45"/>
      <c r="F209" s="45"/>
      <c r="G209" s="49"/>
      <c r="H209" s="49"/>
      <c r="I209" s="46"/>
      <c r="J209" s="46"/>
      <c r="K209" s="46"/>
      <c r="L209" s="46"/>
      <c r="M209" s="46"/>
      <c r="N209" s="46"/>
      <c r="O209" s="46"/>
      <c r="P209" s="46"/>
      <c r="Q209" s="46"/>
      <c r="R209" s="46"/>
      <c r="S209" s="46"/>
      <c r="T209" s="46"/>
      <c r="U209" s="46"/>
      <c r="V209" s="46"/>
      <c r="W209" s="46"/>
      <c r="X209" s="46"/>
      <c r="Y209" s="46"/>
      <c r="Z209" s="46"/>
      <c r="AA209" s="46"/>
      <c r="AB209" s="46"/>
      <c r="AC209" s="46"/>
      <c r="AD209" s="46"/>
      <c r="AE209" s="46"/>
      <c r="AF209" s="46"/>
      <c r="AG209" s="46"/>
    </row>
    <row r="210" spans="1:34" s="3" customFormat="1" ht="15.95" customHeight="1">
      <c r="A210" s="60" t="s">
        <v>353</v>
      </c>
      <c r="B210" s="45"/>
      <c r="C210" s="45"/>
      <c r="D210" s="45"/>
      <c r="E210" s="45"/>
      <c r="F210" s="45"/>
      <c r="G210" s="49"/>
      <c r="H210" s="49"/>
      <c r="I210" s="46"/>
      <c r="J210" s="46"/>
      <c r="K210" s="46"/>
      <c r="L210" s="46"/>
      <c r="M210" s="46"/>
      <c r="N210" s="46"/>
      <c r="O210" s="46"/>
      <c r="P210" s="46"/>
      <c r="Q210" s="47"/>
      <c r="R210" s="46"/>
      <c r="S210" s="46"/>
      <c r="T210" s="46"/>
      <c r="U210" s="46"/>
      <c r="V210" s="54"/>
      <c r="W210" s="54"/>
      <c r="X210" s="54"/>
      <c r="Y210" s="54"/>
      <c r="Z210" s="54"/>
      <c r="AA210" s="54"/>
      <c r="AB210" s="54"/>
      <c r="AC210" s="54"/>
      <c r="AD210" s="54"/>
      <c r="AE210" s="54"/>
      <c r="AF210" s="54"/>
      <c r="AG210" s="54"/>
    </row>
    <row r="211" spans="1:34" s="3" customFormat="1" ht="21.95" customHeight="1">
      <c r="A211" s="60"/>
      <c r="B211" s="55" t="s">
        <v>445</v>
      </c>
      <c r="C211" s="45"/>
      <c r="D211" s="45"/>
      <c r="E211" s="45"/>
      <c r="F211" s="45"/>
      <c r="G211" s="49"/>
      <c r="H211" s="49"/>
      <c r="I211" s="46"/>
      <c r="J211" s="46"/>
      <c r="K211" s="46"/>
      <c r="L211" s="46"/>
      <c r="M211" s="46"/>
      <c r="N211" s="46"/>
      <c r="O211" s="46"/>
      <c r="P211" s="46"/>
      <c r="Q211" s="46"/>
      <c r="R211" s="46"/>
      <c r="S211" s="46"/>
      <c r="T211" s="46"/>
      <c r="U211" s="46"/>
      <c r="V211" s="54"/>
      <c r="W211" s="54"/>
      <c r="X211" s="54"/>
      <c r="Y211" s="54"/>
      <c r="Z211" s="54"/>
      <c r="AA211" s="54"/>
      <c r="AB211" s="54"/>
      <c r="AC211" s="54"/>
      <c r="AD211" s="54"/>
      <c r="AE211" s="54"/>
      <c r="AF211" s="54"/>
      <c r="AG211" s="54"/>
    </row>
    <row r="212" spans="1:34" s="3" customFormat="1" ht="21.95" customHeight="1">
      <c r="A212" s="214" t="s">
        <v>38</v>
      </c>
      <c r="B212" s="215"/>
      <c r="C212" s="215"/>
      <c r="D212" s="215"/>
      <c r="E212" s="215"/>
      <c r="F212" s="215"/>
      <c r="G212" s="215"/>
      <c r="H212" s="215"/>
      <c r="I212" s="215"/>
      <c r="J212" s="215"/>
      <c r="K212" s="216"/>
      <c r="L212" s="252" t="s">
        <v>39</v>
      </c>
      <c r="M212" s="253"/>
      <c r="N212" s="253"/>
      <c r="O212" s="253"/>
      <c r="P212" s="253"/>
      <c r="Q212" s="253"/>
      <c r="R212" s="253"/>
      <c r="S212" s="254"/>
      <c r="T212" s="252" t="s">
        <v>110</v>
      </c>
      <c r="U212" s="253"/>
      <c r="V212" s="253"/>
      <c r="W212" s="253"/>
      <c r="X212" s="253"/>
      <c r="Y212" s="253"/>
      <c r="Z212" s="253"/>
      <c r="AA212" s="254"/>
      <c r="AB212" s="521" t="s">
        <v>450</v>
      </c>
      <c r="AC212" s="154"/>
      <c r="AD212" s="154"/>
      <c r="AE212" s="154"/>
      <c r="AF212" s="154"/>
      <c r="AG212" s="563"/>
    </row>
    <row r="213" spans="1:34" s="3" customFormat="1" ht="21.95" customHeight="1">
      <c r="A213" s="140"/>
      <c r="B213" s="141"/>
      <c r="C213" s="141"/>
      <c r="D213" s="141"/>
      <c r="E213" s="141"/>
      <c r="F213" s="141"/>
      <c r="G213" s="141"/>
      <c r="H213" s="141"/>
      <c r="I213" s="141"/>
      <c r="J213" s="141"/>
      <c r="K213" s="142"/>
      <c r="L213" s="255"/>
      <c r="M213" s="256"/>
      <c r="N213" s="256"/>
      <c r="O213" s="256"/>
      <c r="P213" s="256"/>
      <c r="Q213" s="256"/>
      <c r="R213" s="256"/>
      <c r="S213" s="257"/>
      <c r="T213" s="255"/>
      <c r="U213" s="256"/>
      <c r="V213" s="256"/>
      <c r="W213" s="256"/>
      <c r="X213" s="256"/>
      <c r="Y213" s="256"/>
      <c r="Z213" s="256"/>
      <c r="AA213" s="257"/>
      <c r="AB213" s="938"/>
      <c r="AC213" s="141"/>
      <c r="AD213" s="141"/>
      <c r="AE213" s="141"/>
      <c r="AF213" s="141"/>
      <c r="AG213" s="939"/>
    </row>
    <row r="214" spans="1:34" s="48" customFormat="1" ht="21.95" customHeight="1">
      <c r="A214" s="157" t="s">
        <v>41</v>
      </c>
      <c r="B214" s="158"/>
      <c r="C214" s="158"/>
      <c r="D214" s="158"/>
      <c r="E214" s="158"/>
      <c r="F214" s="158"/>
      <c r="G214" s="158"/>
      <c r="H214" s="158"/>
      <c r="I214" s="158"/>
      <c r="J214" s="158"/>
      <c r="K214" s="159"/>
      <c r="L214" s="233"/>
      <c r="M214" s="234"/>
      <c r="N214" s="234"/>
      <c r="O214" s="234"/>
      <c r="P214" s="234"/>
      <c r="Q214" s="234"/>
      <c r="R214" s="234"/>
      <c r="S214" s="235"/>
      <c r="T214" s="233"/>
      <c r="U214" s="234"/>
      <c r="V214" s="234"/>
      <c r="W214" s="234"/>
      <c r="X214" s="234"/>
      <c r="Y214" s="234"/>
      <c r="Z214" s="234"/>
      <c r="AA214" s="235"/>
      <c r="AB214" s="148"/>
      <c r="AC214" s="149"/>
      <c r="AD214" s="149"/>
      <c r="AE214" s="149"/>
      <c r="AF214" s="149"/>
      <c r="AG214" s="150"/>
      <c r="AH214" s="3"/>
    </row>
    <row r="215" spans="1:34" s="3" customFormat="1" ht="21.95" customHeight="1">
      <c r="A215" s="664" t="s">
        <v>50</v>
      </c>
      <c r="B215" s="665"/>
      <c r="C215" s="665"/>
      <c r="D215" s="665"/>
      <c r="E215" s="665"/>
      <c r="F215" s="665"/>
      <c r="G215" s="665"/>
      <c r="H215" s="665"/>
      <c r="I215" s="665"/>
      <c r="J215" s="665"/>
      <c r="K215" s="666"/>
      <c r="L215" s="947">
        <v>339</v>
      </c>
      <c r="M215" s="944"/>
      <c r="N215" s="944"/>
      <c r="O215" s="944"/>
      <c r="P215" s="944"/>
      <c r="Q215" s="944"/>
      <c r="R215" s="944"/>
      <c r="S215" s="944"/>
      <c r="T215" s="944">
        <v>3556</v>
      </c>
      <c r="U215" s="944"/>
      <c r="V215" s="944"/>
      <c r="W215" s="944"/>
      <c r="X215" s="944"/>
      <c r="Y215" s="944"/>
      <c r="Z215" s="944"/>
      <c r="AA215" s="944"/>
      <c r="AB215" s="645">
        <v>1148</v>
      </c>
      <c r="AC215" s="645"/>
      <c r="AD215" s="645"/>
      <c r="AE215" s="645"/>
      <c r="AF215" s="645"/>
      <c r="AG215" s="646"/>
      <c r="AH215" s="48"/>
    </row>
    <row r="216" spans="1:34" s="3" customFormat="1" ht="21.95" customHeight="1">
      <c r="A216" s="126"/>
      <c r="B216" s="653" t="s">
        <v>111</v>
      </c>
      <c r="C216" s="653"/>
      <c r="D216" s="653"/>
      <c r="E216" s="653"/>
      <c r="F216" s="653"/>
      <c r="G216" s="653"/>
      <c r="H216" s="653"/>
      <c r="I216" s="653"/>
      <c r="J216" s="653"/>
      <c r="K216" s="127"/>
      <c r="L216" s="643">
        <v>62</v>
      </c>
      <c r="M216" s="644"/>
      <c r="N216" s="644"/>
      <c r="O216" s="644"/>
      <c r="P216" s="644"/>
      <c r="Q216" s="644"/>
      <c r="R216" s="644"/>
      <c r="S216" s="644"/>
      <c r="T216" s="644">
        <v>492</v>
      </c>
      <c r="U216" s="644"/>
      <c r="V216" s="644"/>
      <c r="W216" s="644"/>
      <c r="X216" s="644"/>
      <c r="Y216" s="644"/>
      <c r="Z216" s="644"/>
      <c r="AA216" s="644"/>
      <c r="AB216" s="644">
        <v>693</v>
      </c>
      <c r="AC216" s="644"/>
      <c r="AD216" s="644"/>
      <c r="AE216" s="644"/>
      <c r="AF216" s="644"/>
      <c r="AG216" s="652"/>
    </row>
    <row r="217" spans="1:34" s="3" customFormat="1" ht="21.95" customHeight="1">
      <c r="A217" s="126"/>
      <c r="B217" s="202" t="s">
        <v>112</v>
      </c>
      <c r="C217" s="202"/>
      <c r="D217" s="202"/>
      <c r="E217" s="202"/>
      <c r="F217" s="202"/>
      <c r="G217" s="202"/>
      <c r="H217" s="202"/>
      <c r="I217" s="202"/>
      <c r="J217" s="202"/>
      <c r="K217" s="127"/>
      <c r="L217" s="642" t="s">
        <v>446</v>
      </c>
      <c r="M217" s="359"/>
      <c r="N217" s="359"/>
      <c r="O217" s="359"/>
      <c r="P217" s="359"/>
      <c r="Q217" s="359"/>
      <c r="R217" s="359"/>
      <c r="S217" s="359"/>
      <c r="T217" s="359" t="s">
        <v>449</v>
      </c>
      <c r="U217" s="359"/>
      <c r="V217" s="359"/>
      <c r="W217" s="359"/>
      <c r="X217" s="359"/>
      <c r="Y217" s="359"/>
      <c r="Z217" s="359"/>
      <c r="AA217" s="359"/>
      <c r="AB217" s="359" t="s">
        <v>451</v>
      </c>
      <c r="AC217" s="359"/>
      <c r="AD217" s="359"/>
      <c r="AE217" s="359"/>
      <c r="AF217" s="359"/>
      <c r="AG217" s="360"/>
    </row>
    <row r="218" spans="1:34" s="3" customFormat="1" ht="21.95" customHeight="1">
      <c r="A218" s="126"/>
      <c r="B218" s="202" t="s">
        <v>113</v>
      </c>
      <c r="C218" s="202"/>
      <c r="D218" s="202"/>
      <c r="E218" s="202"/>
      <c r="F218" s="202"/>
      <c r="G218" s="202"/>
      <c r="H218" s="202"/>
      <c r="I218" s="202"/>
      <c r="J218" s="202"/>
      <c r="K218" s="127"/>
      <c r="L218" s="643">
        <v>4</v>
      </c>
      <c r="M218" s="644"/>
      <c r="N218" s="644"/>
      <c r="O218" s="644"/>
      <c r="P218" s="644"/>
      <c r="Q218" s="644"/>
      <c r="R218" s="644"/>
      <c r="S218" s="644"/>
      <c r="T218" s="644">
        <v>10</v>
      </c>
      <c r="U218" s="644"/>
      <c r="V218" s="644"/>
      <c r="W218" s="644"/>
      <c r="X218" s="644"/>
      <c r="Y218" s="644"/>
      <c r="Z218" s="644"/>
      <c r="AA218" s="644"/>
      <c r="AB218" s="644">
        <v>2</v>
      </c>
      <c r="AC218" s="644"/>
      <c r="AD218" s="644"/>
      <c r="AE218" s="644"/>
      <c r="AF218" s="644"/>
      <c r="AG218" s="652"/>
    </row>
    <row r="219" spans="1:34" s="3" customFormat="1" ht="21.95" customHeight="1">
      <c r="A219" s="126"/>
      <c r="B219" s="202" t="s">
        <v>114</v>
      </c>
      <c r="C219" s="202"/>
      <c r="D219" s="202"/>
      <c r="E219" s="202"/>
      <c r="F219" s="202"/>
      <c r="G219" s="202"/>
      <c r="H219" s="202"/>
      <c r="I219" s="202"/>
      <c r="J219" s="202"/>
      <c r="K219" s="127"/>
      <c r="L219" s="643">
        <v>10</v>
      </c>
      <c r="M219" s="644"/>
      <c r="N219" s="644"/>
      <c r="O219" s="644"/>
      <c r="P219" s="644"/>
      <c r="Q219" s="644"/>
      <c r="R219" s="644"/>
      <c r="S219" s="644"/>
      <c r="T219" s="644">
        <v>158</v>
      </c>
      <c r="U219" s="644"/>
      <c r="V219" s="644"/>
      <c r="W219" s="644"/>
      <c r="X219" s="644"/>
      <c r="Y219" s="644"/>
      <c r="Z219" s="644"/>
      <c r="AA219" s="644"/>
      <c r="AB219" s="644">
        <v>102</v>
      </c>
      <c r="AC219" s="644"/>
      <c r="AD219" s="644"/>
      <c r="AE219" s="644"/>
      <c r="AF219" s="644"/>
      <c r="AG219" s="652"/>
    </row>
    <row r="220" spans="1:34" s="3" customFormat="1" ht="21.95" customHeight="1">
      <c r="A220" s="126"/>
      <c r="B220" s="202" t="s">
        <v>447</v>
      </c>
      <c r="C220" s="202"/>
      <c r="D220" s="202"/>
      <c r="E220" s="202"/>
      <c r="F220" s="202"/>
      <c r="G220" s="202"/>
      <c r="H220" s="202"/>
      <c r="I220" s="202"/>
      <c r="J220" s="202"/>
      <c r="K220" s="127"/>
      <c r="L220" s="643">
        <v>13</v>
      </c>
      <c r="M220" s="644"/>
      <c r="N220" s="644"/>
      <c r="O220" s="644"/>
      <c r="P220" s="644"/>
      <c r="Q220" s="644"/>
      <c r="R220" s="644"/>
      <c r="S220" s="644"/>
      <c r="T220" s="644">
        <v>75</v>
      </c>
      <c r="U220" s="644"/>
      <c r="V220" s="644"/>
      <c r="W220" s="644"/>
      <c r="X220" s="644"/>
      <c r="Y220" s="644"/>
      <c r="Z220" s="644"/>
      <c r="AA220" s="644"/>
      <c r="AB220" s="644">
        <v>24</v>
      </c>
      <c r="AC220" s="644"/>
      <c r="AD220" s="644"/>
      <c r="AE220" s="644"/>
      <c r="AF220" s="644"/>
      <c r="AG220" s="652"/>
    </row>
    <row r="221" spans="1:34" s="3" customFormat="1" ht="21.95" customHeight="1">
      <c r="A221" s="126"/>
      <c r="B221" s="202" t="s">
        <v>115</v>
      </c>
      <c r="C221" s="202"/>
      <c r="D221" s="202"/>
      <c r="E221" s="202"/>
      <c r="F221" s="202"/>
      <c r="G221" s="202"/>
      <c r="H221" s="202"/>
      <c r="I221" s="202"/>
      <c r="J221" s="202"/>
      <c r="K221" s="127"/>
      <c r="L221" s="643">
        <v>16</v>
      </c>
      <c r="M221" s="644"/>
      <c r="N221" s="644"/>
      <c r="O221" s="644"/>
      <c r="P221" s="644"/>
      <c r="Q221" s="644"/>
      <c r="R221" s="644"/>
      <c r="S221" s="644"/>
      <c r="T221" s="644">
        <v>119</v>
      </c>
      <c r="U221" s="644"/>
      <c r="V221" s="644"/>
      <c r="W221" s="644"/>
      <c r="X221" s="644"/>
      <c r="Y221" s="644"/>
      <c r="Z221" s="644"/>
      <c r="AA221" s="644"/>
      <c r="AB221" s="644">
        <v>89</v>
      </c>
      <c r="AC221" s="644"/>
      <c r="AD221" s="644"/>
      <c r="AE221" s="644"/>
      <c r="AF221" s="644"/>
      <c r="AG221" s="652"/>
    </row>
    <row r="222" spans="1:34" s="3" customFormat="1" ht="21.95" customHeight="1">
      <c r="A222" s="126"/>
      <c r="B222" s="202" t="s">
        <v>116</v>
      </c>
      <c r="C222" s="202"/>
      <c r="D222" s="202"/>
      <c r="E222" s="202"/>
      <c r="F222" s="202"/>
      <c r="G222" s="202"/>
      <c r="H222" s="202"/>
      <c r="I222" s="202"/>
      <c r="J222" s="202"/>
      <c r="K222" s="127"/>
      <c r="L222" s="643">
        <v>19</v>
      </c>
      <c r="M222" s="644"/>
      <c r="N222" s="644"/>
      <c r="O222" s="644"/>
      <c r="P222" s="644"/>
      <c r="Q222" s="644"/>
      <c r="R222" s="644"/>
      <c r="S222" s="644"/>
      <c r="T222" s="644">
        <v>130</v>
      </c>
      <c r="U222" s="644"/>
      <c r="V222" s="644"/>
      <c r="W222" s="644"/>
      <c r="X222" s="644"/>
      <c r="Y222" s="644"/>
      <c r="Z222" s="644"/>
      <c r="AA222" s="644"/>
      <c r="AB222" s="644">
        <v>476</v>
      </c>
      <c r="AC222" s="644"/>
      <c r="AD222" s="644"/>
      <c r="AE222" s="644"/>
      <c r="AF222" s="644"/>
      <c r="AG222" s="652"/>
    </row>
    <row r="223" spans="1:34" s="3" customFormat="1" ht="21.95" customHeight="1">
      <c r="A223" s="126"/>
      <c r="B223" s="653" t="s">
        <v>117</v>
      </c>
      <c r="C223" s="653"/>
      <c r="D223" s="653"/>
      <c r="E223" s="653"/>
      <c r="F223" s="653"/>
      <c r="G223" s="653"/>
      <c r="H223" s="653"/>
      <c r="I223" s="653"/>
      <c r="J223" s="653"/>
      <c r="K223" s="127"/>
      <c r="L223" s="643">
        <v>277</v>
      </c>
      <c r="M223" s="644"/>
      <c r="N223" s="644"/>
      <c r="O223" s="644"/>
      <c r="P223" s="644"/>
      <c r="Q223" s="644"/>
      <c r="R223" s="644"/>
      <c r="S223" s="644"/>
      <c r="T223" s="644">
        <v>3064</v>
      </c>
      <c r="U223" s="644"/>
      <c r="V223" s="644"/>
      <c r="W223" s="644"/>
      <c r="X223" s="644"/>
      <c r="Y223" s="644"/>
      <c r="Z223" s="644"/>
      <c r="AA223" s="644"/>
      <c r="AB223" s="644">
        <v>455</v>
      </c>
      <c r="AC223" s="644"/>
      <c r="AD223" s="644"/>
      <c r="AE223" s="644"/>
      <c r="AF223" s="644"/>
      <c r="AG223" s="652"/>
    </row>
    <row r="224" spans="1:34" s="3" customFormat="1" ht="21.95" customHeight="1">
      <c r="A224" s="126"/>
      <c r="B224" s="202" t="s">
        <v>118</v>
      </c>
      <c r="C224" s="202"/>
      <c r="D224" s="202"/>
      <c r="E224" s="202"/>
      <c r="F224" s="202"/>
      <c r="G224" s="202"/>
      <c r="H224" s="202"/>
      <c r="I224" s="202"/>
      <c r="J224" s="202"/>
      <c r="K224" s="127"/>
      <c r="L224" s="643">
        <v>1</v>
      </c>
      <c r="M224" s="644"/>
      <c r="N224" s="644"/>
      <c r="O224" s="644"/>
      <c r="P224" s="644"/>
      <c r="Q224" s="644"/>
      <c r="R224" s="644"/>
      <c r="S224" s="644"/>
      <c r="T224" s="644">
        <v>243</v>
      </c>
      <c r="U224" s="644"/>
      <c r="V224" s="644"/>
      <c r="W224" s="644"/>
      <c r="X224" s="644"/>
      <c r="Y224" s="644"/>
      <c r="Z224" s="644"/>
      <c r="AA224" s="644"/>
      <c r="AB224" s="644" t="s">
        <v>452</v>
      </c>
      <c r="AC224" s="644"/>
      <c r="AD224" s="644"/>
      <c r="AE224" s="644"/>
      <c r="AF224" s="644"/>
      <c r="AG224" s="652"/>
    </row>
    <row r="225" spans="1:39" s="3" customFormat="1" ht="21.95" customHeight="1">
      <c r="A225" s="126"/>
      <c r="B225" s="202" t="s">
        <v>448</v>
      </c>
      <c r="C225" s="202"/>
      <c r="D225" s="202"/>
      <c r="E225" s="202"/>
      <c r="F225" s="202"/>
      <c r="G225" s="202"/>
      <c r="H225" s="202"/>
      <c r="I225" s="202"/>
      <c r="J225" s="202"/>
      <c r="K225" s="127"/>
      <c r="L225" s="643">
        <v>21</v>
      </c>
      <c r="M225" s="644"/>
      <c r="N225" s="644"/>
      <c r="O225" s="644"/>
      <c r="P225" s="644"/>
      <c r="Q225" s="644"/>
      <c r="R225" s="644"/>
      <c r="S225" s="644"/>
      <c r="T225" s="644">
        <v>102</v>
      </c>
      <c r="U225" s="644"/>
      <c r="V225" s="644"/>
      <c r="W225" s="644"/>
      <c r="X225" s="644"/>
      <c r="Y225" s="644"/>
      <c r="Z225" s="644"/>
      <c r="AA225" s="644"/>
      <c r="AB225" s="644">
        <v>8</v>
      </c>
      <c r="AC225" s="644"/>
      <c r="AD225" s="644"/>
      <c r="AE225" s="644"/>
      <c r="AF225" s="644"/>
      <c r="AG225" s="652"/>
    </row>
    <row r="226" spans="1:39" s="3" customFormat="1" ht="21.95" customHeight="1">
      <c r="A226" s="126"/>
      <c r="B226" s="202" t="s">
        <v>119</v>
      </c>
      <c r="C226" s="202"/>
      <c r="D226" s="202"/>
      <c r="E226" s="202"/>
      <c r="F226" s="202"/>
      <c r="G226" s="202"/>
      <c r="H226" s="202"/>
      <c r="I226" s="202"/>
      <c r="J226" s="202"/>
      <c r="K226" s="127"/>
      <c r="L226" s="643">
        <v>77</v>
      </c>
      <c r="M226" s="644"/>
      <c r="N226" s="644"/>
      <c r="O226" s="644"/>
      <c r="P226" s="644"/>
      <c r="Q226" s="644"/>
      <c r="R226" s="644"/>
      <c r="S226" s="644"/>
      <c r="T226" s="644">
        <v>1402</v>
      </c>
      <c r="U226" s="644"/>
      <c r="V226" s="644"/>
      <c r="W226" s="644"/>
      <c r="X226" s="644"/>
      <c r="Y226" s="644"/>
      <c r="Z226" s="644"/>
      <c r="AA226" s="644"/>
      <c r="AB226" s="644">
        <v>147</v>
      </c>
      <c r="AC226" s="644"/>
      <c r="AD226" s="644"/>
      <c r="AE226" s="644"/>
      <c r="AF226" s="644"/>
      <c r="AG226" s="652"/>
      <c r="AM226" s="117"/>
    </row>
    <row r="227" spans="1:39" s="3" customFormat="1" ht="21.75" customHeight="1">
      <c r="A227" s="126"/>
      <c r="B227" s="202" t="s">
        <v>350</v>
      </c>
      <c r="C227" s="202"/>
      <c r="D227" s="202"/>
      <c r="E227" s="202"/>
      <c r="F227" s="202"/>
      <c r="G227" s="202"/>
      <c r="H227" s="202"/>
      <c r="I227" s="202"/>
      <c r="J227" s="202"/>
      <c r="K227" s="127"/>
      <c r="L227" s="643">
        <v>56</v>
      </c>
      <c r="M227" s="644"/>
      <c r="N227" s="644"/>
      <c r="O227" s="644"/>
      <c r="P227" s="644"/>
      <c r="Q227" s="644"/>
      <c r="R227" s="644"/>
      <c r="S227" s="644"/>
      <c r="T227" s="644">
        <v>405</v>
      </c>
      <c r="U227" s="644"/>
      <c r="V227" s="644"/>
      <c r="W227" s="644"/>
      <c r="X227" s="644"/>
      <c r="Y227" s="644"/>
      <c r="Z227" s="644"/>
      <c r="AA227" s="644"/>
      <c r="AB227" s="644">
        <v>77</v>
      </c>
      <c r="AC227" s="644"/>
      <c r="AD227" s="644"/>
      <c r="AE227" s="644"/>
      <c r="AF227" s="644"/>
      <c r="AG227" s="652"/>
    </row>
    <row r="228" spans="1:39" s="3" customFormat="1" ht="21" customHeight="1">
      <c r="A228" s="126"/>
      <c r="B228" s="202" t="s">
        <v>287</v>
      </c>
      <c r="C228" s="202"/>
      <c r="D228" s="202"/>
      <c r="E228" s="202"/>
      <c r="F228" s="202"/>
      <c r="G228" s="202"/>
      <c r="H228" s="202"/>
      <c r="I228" s="202"/>
      <c r="J228" s="202"/>
      <c r="K228" s="127"/>
      <c r="L228" s="643">
        <v>110</v>
      </c>
      <c r="M228" s="644"/>
      <c r="N228" s="644"/>
      <c r="O228" s="644"/>
      <c r="P228" s="644"/>
      <c r="Q228" s="644"/>
      <c r="R228" s="644"/>
      <c r="S228" s="644"/>
      <c r="T228" s="644">
        <v>852</v>
      </c>
      <c r="U228" s="644"/>
      <c r="V228" s="644"/>
      <c r="W228" s="644"/>
      <c r="X228" s="644"/>
      <c r="Y228" s="644"/>
      <c r="Z228" s="644"/>
      <c r="AA228" s="644"/>
      <c r="AB228" s="644" t="s">
        <v>453</v>
      </c>
      <c r="AC228" s="644"/>
      <c r="AD228" s="644"/>
      <c r="AE228" s="644"/>
      <c r="AF228" s="644"/>
      <c r="AG228" s="652"/>
    </row>
    <row r="229" spans="1:39" s="3" customFormat="1" ht="21" customHeight="1">
      <c r="A229" s="129"/>
      <c r="B229" s="207" t="s">
        <v>443</v>
      </c>
      <c r="C229" s="207"/>
      <c r="D229" s="207"/>
      <c r="E229" s="207"/>
      <c r="F229" s="207"/>
      <c r="G229" s="207"/>
      <c r="H229" s="207"/>
      <c r="I229" s="207"/>
      <c r="J229" s="207"/>
      <c r="K229" s="130"/>
      <c r="L229" s="639">
        <v>12</v>
      </c>
      <c r="M229" s="640"/>
      <c r="N229" s="640"/>
      <c r="O229" s="640"/>
      <c r="P229" s="640"/>
      <c r="Q229" s="640"/>
      <c r="R229" s="640"/>
      <c r="S229" s="640"/>
      <c r="T229" s="640">
        <v>60</v>
      </c>
      <c r="U229" s="640"/>
      <c r="V229" s="640"/>
      <c r="W229" s="640"/>
      <c r="X229" s="640"/>
      <c r="Y229" s="640"/>
      <c r="Z229" s="640"/>
      <c r="AA229" s="640"/>
      <c r="AB229" s="640">
        <v>6</v>
      </c>
      <c r="AC229" s="640"/>
      <c r="AD229" s="640"/>
      <c r="AE229" s="640"/>
      <c r="AF229" s="640"/>
      <c r="AG229" s="641"/>
    </row>
    <row r="230" spans="1:39" s="1" customFormat="1" ht="14.25" customHeight="1">
      <c r="A230" s="59"/>
      <c r="B230" s="59"/>
      <c r="C230" s="59"/>
      <c r="D230" s="59"/>
      <c r="E230" s="59"/>
      <c r="F230" s="59"/>
      <c r="G230" s="59"/>
      <c r="H230" s="59"/>
      <c r="I230" s="59"/>
      <c r="J230" s="59"/>
      <c r="K230" s="59"/>
      <c r="L230" s="42"/>
      <c r="M230" s="42"/>
      <c r="N230" s="42"/>
      <c r="O230" s="42"/>
      <c r="P230" s="42"/>
      <c r="Q230" s="42"/>
      <c r="R230" s="42"/>
      <c r="S230" s="42"/>
      <c r="T230" s="42"/>
      <c r="U230" s="42"/>
      <c r="V230" s="42"/>
      <c r="W230" s="42"/>
      <c r="X230" s="42"/>
      <c r="Y230" s="42"/>
      <c r="AA230" s="42"/>
      <c r="AB230" s="42"/>
      <c r="AC230" s="42"/>
      <c r="AD230" s="42"/>
      <c r="AE230" s="42"/>
      <c r="AF230" s="42"/>
      <c r="AG230" s="28" t="s">
        <v>444</v>
      </c>
      <c r="AH230" s="3"/>
    </row>
    <row r="231" spans="1:39" s="3" customFormat="1" ht="15.95" customHeight="1">
      <c r="A231" s="60" t="s">
        <v>392</v>
      </c>
      <c r="B231" s="45"/>
      <c r="C231" s="45"/>
      <c r="D231" s="45"/>
      <c r="E231" s="45"/>
      <c r="F231" s="45"/>
      <c r="G231" s="49"/>
      <c r="H231" s="49"/>
      <c r="I231" s="46"/>
      <c r="J231" s="46"/>
      <c r="K231" s="46"/>
      <c r="L231" s="46"/>
      <c r="M231" s="46"/>
      <c r="N231" s="46"/>
      <c r="O231" s="46"/>
      <c r="P231" s="46"/>
      <c r="Q231" s="46"/>
      <c r="R231" s="46"/>
      <c r="S231" s="46"/>
      <c r="T231" s="46"/>
      <c r="U231" s="46"/>
      <c r="V231" s="46"/>
      <c r="W231" s="46"/>
      <c r="X231" s="46"/>
      <c r="Y231" s="46"/>
      <c r="AF231" s="46"/>
      <c r="AG231" s="46"/>
    </row>
    <row r="232" spans="1:39" s="3" customFormat="1" ht="15.95" customHeight="1">
      <c r="A232" s="663" t="s">
        <v>120</v>
      </c>
      <c r="B232" s="663"/>
      <c r="C232" s="663"/>
      <c r="D232" s="663"/>
      <c r="E232" s="63"/>
      <c r="K232" s="46"/>
      <c r="L232" s="46"/>
      <c r="M232" s="46"/>
      <c r="N232" s="46"/>
      <c r="O232" s="46"/>
      <c r="P232" s="46"/>
      <c r="Q232" s="46"/>
      <c r="R232" s="46"/>
      <c r="S232" s="46"/>
      <c r="T232" s="46"/>
    </row>
    <row r="233" spans="1:39" s="3" customFormat="1" ht="15.95" customHeight="1">
      <c r="B233" s="3" t="s">
        <v>121</v>
      </c>
      <c r="E233" s="45"/>
      <c r="F233" s="45"/>
      <c r="G233" s="49"/>
      <c r="H233" s="49"/>
      <c r="I233" s="46"/>
      <c r="J233" s="46"/>
      <c r="K233" s="46"/>
      <c r="L233" s="46"/>
      <c r="M233" s="46"/>
      <c r="N233" s="46"/>
      <c r="T233" s="46"/>
      <c r="AD233" s="54"/>
      <c r="AE233" s="54"/>
      <c r="AF233" s="54"/>
      <c r="AG233" s="64" t="s">
        <v>52</v>
      </c>
    </row>
    <row r="234" spans="1:39" s="3" customFormat="1" ht="15.95" customHeight="1">
      <c r="A234" s="214" t="s">
        <v>228</v>
      </c>
      <c r="B234" s="215"/>
      <c r="C234" s="215"/>
      <c r="D234" s="215"/>
      <c r="E234" s="215"/>
      <c r="F234" s="215"/>
      <c r="G234" s="215"/>
      <c r="H234" s="215"/>
      <c r="I234" s="216"/>
      <c r="J234" s="572" t="s">
        <v>278</v>
      </c>
      <c r="K234" s="573"/>
      <c r="L234" s="573"/>
      <c r="M234" s="573"/>
      <c r="N234" s="574"/>
      <c r="O234" s="578" t="s">
        <v>279</v>
      </c>
      <c r="P234" s="579"/>
      <c r="Q234" s="579"/>
      <c r="R234" s="579"/>
      <c r="S234" s="579"/>
      <c r="T234" s="579"/>
      <c r="U234" s="579"/>
      <c r="V234" s="579"/>
      <c r="W234" s="579"/>
      <c r="X234" s="579"/>
      <c r="Y234" s="579"/>
      <c r="Z234" s="579"/>
      <c r="AA234" s="579"/>
      <c r="AB234" s="579"/>
      <c r="AC234" s="580"/>
      <c r="AD234" s="572" t="s">
        <v>280</v>
      </c>
      <c r="AE234" s="573"/>
      <c r="AF234" s="573"/>
      <c r="AG234" s="959"/>
    </row>
    <row r="235" spans="1:39" s="3" customFormat="1" ht="20.100000000000001" customHeight="1">
      <c r="A235" s="157" t="s">
        <v>232</v>
      </c>
      <c r="B235" s="158"/>
      <c r="C235" s="158"/>
      <c r="D235" s="158"/>
      <c r="E235" s="158"/>
      <c r="F235" s="158"/>
      <c r="G235" s="158"/>
      <c r="H235" s="158"/>
      <c r="I235" s="159"/>
      <c r="J235" s="575"/>
      <c r="K235" s="576"/>
      <c r="L235" s="576"/>
      <c r="M235" s="576"/>
      <c r="N235" s="577"/>
      <c r="O235" s="649" t="s">
        <v>281</v>
      </c>
      <c r="P235" s="650"/>
      <c r="Q235" s="650"/>
      <c r="R235" s="650"/>
      <c r="S235" s="651"/>
      <c r="T235" s="649" t="s">
        <v>282</v>
      </c>
      <c r="U235" s="650"/>
      <c r="V235" s="650"/>
      <c r="W235" s="650"/>
      <c r="X235" s="651"/>
      <c r="Y235" s="649" t="s">
        <v>283</v>
      </c>
      <c r="Z235" s="650"/>
      <c r="AA235" s="650"/>
      <c r="AB235" s="650"/>
      <c r="AC235" s="651"/>
      <c r="AD235" s="575"/>
      <c r="AE235" s="576"/>
      <c r="AF235" s="576"/>
      <c r="AG235" s="960"/>
    </row>
    <row r="236" spans="1:39" s="3" customFormat="1" ht="18.75" customHeight="1">
      <c r="A236" s="544">
        <v>5</v>
      </c>
      <c r="B236" s="545"/>
      <c r="C236" s="545"/>
      <c r="D236" s="545"/>
      <c r="E236" s="545"/>
      <c r="F236" s="545"/>
      <c r="G236" s="545"/>
      <c r="H236" s="545"/>
      <c r="I236" s="546"/>
      <c r="J236" s="869">
        <v>1160</v>
      </c>
      <c r="K236" s="870"/>
      <c r="L236" s="870"/>
      <c r="M236" s="870"/>
      <c r="N236" s="870"/>
      <c r="O236" s="591">
        <v>1</v>
      </c>
      <c r="P236" s="591"/>
      <c r="Q236" s="591"/>
      <c r="R236" s="591"/>
      <c r="S236" s="591"/>
      <c r="T236" s="591">
        <v>2</v>
      </c>
      <c r="U236" s="591"/>
      <c r="V236" s="591"/>
      <c r="W236" s="591"/>
      <c r="X236" s="591"/>
      <c r="Y236" s="591">
        <v>32</v>
      </c>
      <c r="Z236" s="591"/>
      <c r="AA236" s="591"/>
      <c r="AB236" s="591"/>
      <c r="AC236" s="591"/>
      <c r="AD236" s="591">
        <v>9</v>
      </c>
      <c r="AE236" s="591"/>
      <c r="AF236" s="591"/>
      <c r="AG236" s="592"/>
    </row>
    <row r="237" spans="1:39" s="48" customFormat="1" ht="18.75" customHeight="1">
      <c r="A237" s="581">
        <v>6</v>
      </c>
      <c r="B237" s="582"/>
      <c r="C237" s="582"/>
      <c r="D237" s="582"/>
      <c r="E237" s="582"/>
      <c r="F237" s="582"/>
      <c r="G237" s="582"/>
      <c r="H237" s="582"/>
      <c r="I237" s="583"/>
      <c r="J237" s="953">
        <v>1193</v>
      </c>
      <c r="K237" s="954"/>
      <c r="L237" s="954"/>
      <c r="M237" s="954"/>
      <c r="N237" s="954"/>
      <c r="O237" s="591">
        <v>1</v>
      </c>
      <c r="P237" s="591"/>
      <c r="Q237" s="591"/>
      <c r="R237" s="591"/>
      <c r="S237" s="591"/>
      <c r="T237" s="591">
        <v>1</v>
      </c>
      <c r="U237" s="591"/>
      <c r="V237" s="591"/>
      <c r="W237" s="591"/>
      <c r="X237" s="591"/>
      <c r="Y237" s="591">
        <v>32</v>
      </c>
      <c r="Z237" s="591"/>
      <c r="AA237" s="591"/>
      <c r="AB237" s="591"/>
      <c r="AC237" s="591"/>
      <c r="AD237" s="591">
        <v>9</v>
      </c>
      <c r="AE237" s="591"/>
      <c r="AF237" s="591"/>
      <c r="AG237" s="592"/>
      <c r="AH237" s="3"/>
    </row>
    <row r="238" spans="1:39" s="3" customFormat="1" ht="18.75" customHeight="1">
      <c r="A238" s="654">
        <v>7</v>
      </c>
      <c r="B238" s="655"/>
      <c r="C238" s="655"/>
      <c r="D238" s="655"/>
      <c r="E238" s="655"/>
      <c r="F238" s="655"/>
      <c r="G238" s="655"/>
      <c r="H238" s="655"/>
      <c r="I238" s="656"/>
      <c r="J238" s="647">
        <v>1213</v>
      </c>
      <c r="K238" s="648"/>
      <c r="L238" s="648"/>
      <c r="M238" s="648"/>
      <c r="N238" s="648"/>
      <c r="O238" s="586">
        <v>1</v>
      </c>
      <c r="P238" s="586"/>
      <c r="Q238" s="586"/>
      <c r="R238" s="586"/>
      <c r="S238" s="586"/>
      <c r="T238" s="586">
        <v>2</v>
      </c>
      <c r="U238" s="586"/>
      <c r="V238" s="586"/>
      <c r="W238" s="586"/>
      <c r="X238" s="586"/>
      <c r="Y238" s="586">
        <v>32</v>
      </c>
      <c r="Z238" s="586"/>
      <c r="AA238" s="586"/>
      <c r="AB238" s="586"/>
      <c r="AC238" s="586"/>
      <c r="AD238" s="586">
        <v>9</v>
      </c>
      <c r="AE238" s="586"/>
      <c r="AF238" s="586"/>
      <c r="AG238" s="587"/>
      <c r="AH238" s="48"/>
    </row>
    <row r="239" spans="1:39" s="3" customFormat="1" ht="15.95" customHeight="1">
      <c r="D239" s="12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  <c r="Q239" s="12"/>
      <c r="R239" s="12"/>
      <c r="S239" s="12"/>
      <c r="T239" s="12"/>
      <c r="U239" s="12"/>
      <c r="V239" s="12"/>
      <c r="W239" s="12"/>
      <c r="X239" s="12"/>
      <c r="Y239" s="12"/>
      <c r="Z239" s="12"/>
      <c r="AA239" s="12"/>
      <c r="AB239" s="12"/>
      <c r="AC239" s="12"/>
      <c r="AD239" s="12"/>
      <c r="AE239" s="12"/>
      <c r="AF239" s="12"/>
      <c r="AG239" s="12" t="s">
        <v>122</v>
      </c>
    </row>
    <row r="240" spans="1:39" s="3" customFormat="1" ht="12.75" customHeight="1"/>
    <row r="241" spans="1:34" s="3" customFormat="1" ht="15.95" customHeight="1">
      <c r="A241" s="14" t="s">
        <v>123</v>
      </c>
      <c r="B241" s="46"/>
      <c r="C241" s="46"/>
      <c r="D241" s="46"/>
      <c r="E241" s="46"/>
      <c r="L241" s="46"/>
      <c r="M241" s="46"/>
      <c r="Q241" s="28"/>
      <c r="R241" s="28"/>
      <c r="S241" s="28"/>
      <c r="T241" s="28"/>
      <c r="U241" s="28"/>
      <c r="V241" s="28"/>
      <c r="W241" s="28"/>
      <c r="X241" s="28"/>
      <c r="Y241" s="46"/>
      <c r="Z241" s="46"/>
      <c r="AA241" s="46"/>
      <c r="AB241" s="46"/>
      <c r="AC241" s="46"/>
      <c r="AD241" s="46"/>
      <c r="AE241" s="46"/>
      <c r="AF241" s="46"/>
      <c r="AG241" s="64" t="s">
        <v>124</v>
      </c>
    </row>
    <row r="242" spans="1:34" s="3" customFormat="1" ht="15.95" customHeight="1">
      <c r="A242" s="660" t="s">
        <v>228</v>
      </c>
      <c r="B242" s="661"/>
      <c r="C242" s="661"/>
      <c r="D242" s="661"/>
      <c r="E242" s="661"/>
      <c r="F242" s="661"/>
      <c r="G242" s="661"/>
      <c r="H242" s="661"/>
      <c r="I242" s="662"/>
      <c r="J242" s="860" t="s">
        <v>276</v>
      </c>
      <c r="K242" s="861"/>
      <c r="L242" s="861"/>
      <c r="M242" s="861"/>
      <c r="N242" s="861"/>
      <c r="O242" s="861"/>
      <c r="P242" s="861"/>
      <c r="Q242" s="861"/>
      <c r="R242" s="861"/>
      <c r="S242" s="861"/>
      <c r="T242" s="861"/>
      <c r="U242" s="951"/>
      <c r="V242" s="860" t="s">
        <v>277</v>
      </c>
      <c r="W242" s="861"/>
      <c r="X242" s="861"/>
      <c r="Y242" s="861"/>
      <c r="Z242" s="861"/>
      <c r="AA242" s="861"/>
      <c r="AB242" s="861"/>
      <c r="AC242" s="861"/>
      <c r="AD242" s="861"/>
      <c r="AE242" s="861"/>
      <c r="AF242" s="861"/>
      <c r="AG242" s="862"/>
    </row>
    <row r="243" spans="1:34" s="3" customFormat="1" ht="20.100000000000001" customHeight="1">
      <c r="A243" s="635" t="s">
        <v>275</v>
      </c>
      <c r="B243" s="636"/>
      <c r="C243" s="636"/>
      <c r="D243" s="636"/>
      <c r="E243" s="636"/>
      <c r="F243" s="636"/>
      <c r="G243" s="636"/>
      <c r="H243" s="636"/>
      <c r="I243" s="637"/>
      <c r="J243" s="863"/>
      <c r="K243" s="864"/>
      <c r="L243" s="864"/>
      <c r="M243" s="864"/>
      <c r="N243" s="864"/>
      <c r="O243" s="864"/>
      <c r="P243" s="864"/>
      <c r="Q243" s="864"/>
      <c r="R243" s="864"/>
      <c r="S243" s="864"/>
      <c r="T243" s="864"/>
      <c r="U243" s="952"/>
      <c r="V243" s="863"/>
      <c r="W243" s="864"/>
      <c r="X243" s="864"/>
      <c r="Y243" s="864"/>
      <c r="Z243" s="864"/>
      <c r="AA243" s="864"/>
      <c r="AB243" s="864"/>
      <c r="AC243" s="864"/>
      <c r="AD243" s="864"/>
      <c r="AE243" s="864"/>
      <c r="AF243" s="864"/>
      <c r="AG243" s="865"/>
    </row>
    <row r="244" spans="1:34" s="3" customFormat="1" ht="18.75" customHeight="1">
      <c r="A244" s="544">
        <v>4</v>
      </c>
      <c r="B244" s="545"/>
      <c r="C244" s="545"/>
      <c r="D244" s="545"/>
      <c r="E244" s="545"/>
      <c r="F244" s="545"/>
      <c r="G244" s="545"/>
      <c r="H244" s="545"/>
      <c r="I244" s="546"/>
      <c r="J244" s="590">
        <v>148499</v>
      </c>
      <c r="K244" s="525"/>
      <c r="L244" s="525"/>
      <c r="M244" s="525"/>
      <c r="N244" s="525"/>
      <c r="O244" s="525"/>
      <c r="P244" s="525"/>
      <c r="Q244" s="525"/>
      <c r="R244" s="525"/>
      <c r="S244" s="525"/>
      <c r="T244" s="525"/>
      <c r="U244" s="525"/>
      <c r="V244" s="525">
        <v>145657</v>
      </c>
      <c r="W244" s="525"/>
      <c r="X244" s="525"/>
      <c r="Y244" s="525"/>
      <c r="Z244" s="525"/>
      <c r="AA244" s="525"/>
      <c r="AB244" s="525"/>
      <c r="AC244" s="525"/>
      <c r="AD244" s="525"/>
      <c r="AE244" s="525"/>
      <c r="AF244" s="525"/>
      <c r="AG244" s="547"/>
    </row>
    <row r="245" spans="1:34" s="48" customFormat="1" ht="18.75" customHeight="1">
      <c r="A245" s="581">
        <v>5</v>
      </c>
      <c r="B245" s="582"/>
      <c r="C245" s="582"/>
      <c r="D245" s="582"/>
      <c r="E245" s="582"/>
      <c r="F245" s="582"/>
      <c r="G245" s="582"/>
      <c r="H245" s="582"/>
      <c r="I245" s="583"/>
      <c r="J245" s="859">
        <v>160767</v>
      </c>
      <c r="K245" s="591"/>
      <c r="L245" s="591"/>
      <c r="M245" s="591"/>
      <c r="N245" s="591"/>
      <c r="O245" s="591"/>
      <c r="P245" s="591"/>
      <c r="Q245" s="591"/>
      <c r="R245" s="591"/>
      <c r="S245" s="591"/>
      <c r="T245" s="591"/>
      <c r="U245" s="591"/>
      <c r="V245" s="591">
        <v>160767</v>
      </c>
      <c r="W245" s="591"/>
      <c r="X245" s="591"/>
      <c r="Y245" s="591"/>
      <c r="Z245" s="591"/>
      <c r="AA245" s="591"/>
      <c r="AB245" s="591"/>
      <c r="AC245" s="591"/>
      <c r="AD245" s="591"/>
      <c r="AE245" s="591"/>
      <c r="AF245" s="591"/>
      <c r="AG245" s="592"/>
      <c r="AH245" s="3"/>
    </row>
    <row r="246" spans="1:34" s="3" customFormat="1" ht="18.75" customHeight="1">
      <c r="A246" s="654">
        <v>6</v>
      </c>
      <c r="B246" s="655"/>
      <c r="C246" s="655"/>
      <c r="D246" s="655"/>
      <c r="E246" s="655"/>
      <c r="F246" s="655"/>
      <c r="G246" s="655"/>
      <c r="H246" s="655"/>
      <c r="I246" s="656"/>
      <c r="J246" s="638">
        <v>158906</v>
      </c>
      <c r="K246" s="586"/>
      <c r="L246" s="586"/>
      <c r="M246" s="586"/>
      <c r="N246" s="586"/>
      <c r="O246" s="586"/>
      <c r="P246" s="586"/>
      <c r="Q246" s="586"/>
      <c r="R246" s="586"/>
      <c r="S246" s="586"/>
      <c r="T246" s="586"/>
      <c r="U246" s="586"/>
      <c r="V246" s="586">
        <v>158906</v>
      </c>
      <c r="W246" s="586"/>
      <c r="X246" s="586"/>
      <c r="Y246" s="586"/>
      <c r="Z246" s="586"/>
      <c r="AA246" s="586"/>
      <c r="AB246" s="586"/>
      <c r="AC246" s="586"/>
      <c r="AD246" s="586"/>
      <c r="AE246" s="586"/>
      <c r="AF246" s="586"/>
      <c r="AG246" s="587"/>
      <c r="AH246" s="48"/>
    </row>
    <row r="247" spans="1:34" s="3" customFormat="1" ht="14.25" customHeight="1">
      <c r="A247" s="45"/>
      <c r="B247" s="45"/>
      <c r="C247" s="45"/>
      <c r="D247" s="49"/>
      <c r="E247" s="49"/>
      <c r="AA247" s="12"/>
      <c r="AB247" s="12"/>
      <c r="AC247" s="12"/>
      <c r="AD247" s="12"/>
      <c r="AE247" s="12"/>
      <c r="AF247" s="12"/>
      <c r="AG247" s="12" t="s">
        <v>122</v>
      </c>
    </row>
    <row r="248" spans="1:34" s="1" customFormat="1" ht="15.95" customHeight="1">
      <c r="A248" s="151" t="s">
        <v>125</v>
      </c>
      <c r="B248" s="151"/>
      <c r="C248" s="151"/>
      <c r="D248" s="151"/>
      <c r="E248" s="151"/>
      <c r="F248" s="151"/>
      <c r="G248" s="151"/>
      <c r="H248" s="151"/>
      <c r="I248" s="151"/>
      <c r="J248" s="151"/>
      <c r="K248" s="151"/>
      <c r="L248" s="151"/>
      <c r="M248" s="151"/>
      <c r="N248" s="151"/>
      <c r="O248" s="151"/>
      <c r="P248" s="151"/>
      <c r="Q248" s="151"/>
      <c r="R248" s="151"/>
      <c r="S248" s="151"/>
      <c r="T248" s="151"/>
      <c r="U248" s="151"/>
      <c r="V248" s="151"/>
      <c r="W248" s="151"/>
      <c r="X248" s="151"/>
      <c r="Y248" s="151"/>
      <c r="Z248" s="151"/>
      <c r="AA248" s="151"/>
      <c r="AB248" s="151"/>
      <c r="AC248" s="151"/>
      <c r="AD248" s="151"/>
      <c r="AE248" s="18"/>
      <c r="AF248" s="18"/>
      <c r="AG248" s="18"/>
    </row>
    <row r="249" spans="1:34" s="30" customFormat="1" ht="20.100000000000001" customHeight="1">
      <c r="A249" s="15"/>
      <c r="B249" s="15"/>
      <c r="C249" s="15"/>
      <c r="D249" s="15"/>
      <c r="E249" s="15"/>
      <c r="F249" s="15"/>
      <c r="G249" s="15"/>
      <c r="H249" s="15"/>
      <c r="I249" s="15"/>
      <c r="J249" s="15"/>
      <c r="K249" s="15"/>
      <c r="L249" s="15"/>
      <c r="M249" s="15"/>
      <c r="N249" s="15"/>
      <c r="O249" s="15"/>
      <c r="P249" s="15"/>
      <c r="Q249" s="15"/>
      <c r="R249" s="15"/>
      <c r="S249" s="15"/>
      <c r="T249" s="15"/>
      <c r="U249" s="15"/>
      <c r="V249" s="15"/>
      <c r="W249" s="15"/>
      <c r="X249" s="15"/>
      <c r="Y249" s="15"/>
      <c r="Z249" s="15"/>
      <c r="AA249" s="15"/>
      <c r="AB249" s="15"/>
      <c r="AC249" s="15"/>
      <c r="AD249" s="15"/>
      <c r="AE249" s="18"/>
      <c r="AF249" s="18"/>
      <c r="AG249" s="18"/>
      <c r="AH249" s="1"/>
    </row>
    <row r="250" spans="1:34" s="3" customFormat="1" ht="14.1" customHeight="1">
      <c r="A250" s="44" t="s">
        <v>393</v>
      </c>
      <c r="B250" s="57"/>
      <c r="C250" s="58"/>
      <c r="D250" s="58"/>
      <c r="E250" s="58"/>
      <c r="F250" s="58"/>
      <c r="G250" s="58"/>
      <c r="H250" s="58"/>
      <c r="I250" s="58"/>
      <c r="J250" s="58"/>
      <c r="K250" s="58"/>
      <c r="L250" s="58"/>
      <c r="M250" s="58"/>
      <c r="N250" s="58"/>
      <c r="O250" s="58"/>
      <c r="P250" s="58"/>
      <c r="Q250" s="58"/>
      <c r="R250" s="58"/>
      <c r="S250" s="58"/>
      <c r="T250" s="58"/>
      <c r="U250" s="58"/>
      <c r="V250" s="58"/>
      <c r="W250" s="58"/>
      <c r="X250" s="58"/>
      <c r="Y250" s="58"/>
      <c r="Z250" s="58"/>
      <c r="AA250" s="58"/>
      <c r="AB250" s="58"/>
      <c r="AC250" s="58"/>
      <c r="AD250" s="58"/>
      <c r="AE250" s="30"/>
      <c r="AF250" s="30"/>
      <c r="AG250" s="30"/>
      <c r="AH250" s="30"/>
    </row>
    <row r="251" spans="1:34" s="3" customFormat="1" ht="14.1" customHeight="1">
      <c r="B251" s="3" t="s">
        <v>126</v>
      </c>
      <c r="AE251" s="65"/>
      <c r="AF251" s="65"/>
      <c r="AG251" s="66" t="s">
        <v>127</v>
      </c>
    </row>
    <row r="252" spans="1:34" s="3" customFormat="1" ht="14.1" customHeight="1">
      <c r="A252" s="214" t="s">
        <v>38</v>
      </c>
      <c r="B252" s="215"/>
      <c r="C252" s="215"/>
      <c r="D252" s="215"/>
      <c r="E252" s="216"/>
      <c r="F252" s="564" t="s">
        <v>128</v>
      </c>
      <c r="G252" s="565"/>
      <c r="H252" s="565"/>
      <c r="I252" s="565"/>
      <c r="J252" s="565"/>
      <c r="K252" s="565"/>
      <c r="L252" s="565"/>
      <c r="M252" s="565"/>
      <c r="N252" s="565"/>
      <c r="O252" s="565"/>
      <c r="P252" s="565"/>
      <c r="Q252" s="565"/>
      <c r="R252" s="565"/>
      <c r="S252" s="565"/>
      <c r="T252" s="565"/>
      <c r="U252" s="566"/>
      <c r="V252" s="541" t="s">
        <v>129</v>
      </c>
      <c r="W252" s="541"/>
      <c r="X252" s="541"/>
      <c r="Y252" s="541"/>
      <c r="Z252" s="541"/>
      <c r="AA252" s="541"/>
      <c r="AB252" s="541"/>
      <c r="AC252" s="541"/>
      <c r="AD252" s="541"/>
      <c r="AE252" s="541"/>
      <c r="AF252" s="541"/>
      <c r="AG252" s="542"/>
    </row>
    <row r="253" spans="1:34" s="3" customFormat="1" ht="14.1" customHeight="1">
      <c r="A253" s="157" t="s">
        <v>169</v>
      </c>
      <c r="B253" s="158"/>
      <c r="C253" s="158"/>
      <c r="D253" s="158"/>
      <c r="E253" s="159"/>
      <c r="F253" s="152" t="s">
        <v>50</v>
      </c>
      <c r="G253" s="152"/>
      <c r="H253" s="152"/>
      <c r="I253" s="152"/>
      <c r="J253" s="152" t="s">
        <v>195</v>
      </c>
      <c r="K253" s="152"/>
      <c r="L253" s="152"/>
      <c r="M253" s="152"/>
      <c r="N253" s="419" t="s">
        <v>130</v>
      </c>
      <c r="O253" s="419"/>
      <c r="P253" s="419"/>
      <c r="Q253" s="419"/>
      <c r="R253" s="419" t="s">
        <v>131</v>
      </c>
      <c r="S253" s="419"/>
      <c r="T253" s="419"/>
      <c r="U253" s="419"/>
      <c r="V253" s="152" t="s">
        <v>50</v>
      </c>
      <c r="W253" s="152"/>
      <c r="X253" s="152"/>
      <c r="Y253" s="152"/>
      <c r="Z253" s="152" t="s">
        <v>58</v>
      </c>
      <c r="AA253" s="152"/>
      <c r="AB253" s="152"/>
      <c r="AC253" s="152"/>
      <c r="AD253" s="152" t="s">
        <v>59</v>
      </c>
      <c r="AE253" s="152"/>
      <c r="AF253" s="152"/>
      <c r="AG253" s="881"/>
    </row>
    <row r="254" spans="1:34" s="3" customFormat="1" ht="14.1" customHeight="1">
      <c r="A254" s="384">
        <v>22</v>
      </c>
      <c r="B254" s="385"/>
      <c r="C254" s="385"/>
      <c r="D254" s="385"/>
      <c r="E254" s="386"/>
      <c r="F254" s="590" t="s">
        <v>333</v>
      </c>
      <c r="G254" s="525"/>
      <c r="H254" s="525"/>
      <c r="I254" s="525"/>
      <c r="J254" s="525">
        <v>107</v>
      </c>
      <c r="K254" s="525"/>
      <c r="L254" s="525"/>
      <c r="M254" s="525"/>
      <c r="N254" s="525">
        <v>78</v>
      </c>
      <c r="O254" s="525"/>
      <c r="P254" s="525"/>
      <c r="Q254" s="525"/>
      <c r="R254" s="525">
        <v>442</v>
      </c>
      <c r="S254" s="525"/>
      <c r="T254" s="525"/>
      <c r="U254" s="525"/>
      <c r="V254" s="525">
        <v>2749</v>
      </c>
      <c r="W254" s="525"/>
      <c r="X254" s="525"/>
      <c r="Y254" s="525"/>
      <c r="Z254" s="525">
        <v>1344</v>
      </c>
      <c r="AA254" s="525"/>
      <c r="AB254" s="525"/>
      <c r="AC254" s="525"/>
      <c r="AD254" s="525">
        <v>1405</v>
      </c>
      <c r="AE254" s="525"/>
      <c r="AF254" s="525"/>
      <c r="AG254" s="547"/>
    </row>
    <row r="255" spans="1:34" s="48" customFormat="1" ht="14.1" customHeight="1">
      <c r="A255" s="331">
        <v>27</v>
      </c>
      <c r="B255" s="332"/>
      <c r="C255" s="332"/>
      <c r="D255" s="332"/>
      <c r="E255" s="333"/>
      <c r="F255" s="590" t="s">
        <v>356</v>
      </c>
      <c r="G255" s="525"/>
      <c r="H255" s="525"/>
      <c r="I255" s="525"/>
      <c r="J255" s="525">
        <v>161</v>
      </c>
      <c r="K255" s="525"/>
      <c r="L255" s="525"/>
      <c r="M255" s="525"/>
      <c r="N255" s="525">
        <v>53</v>
      </c>
      <c r="O255" s="525"/>
      <c r="P255" s="525"/>
      <c r="Q255" s="525"/>
      <c r="R255" s="525">
        <v>343</v>
      </c>
      <c r="S255" s="525"/>
      <c r="T255" s="525"/>
      <c r="U255" s="525"/>
      <c r="V255" s="525">
        <v>2109</v>
      </c>
      <c r="W255" s="525"/>
      <c r="X255" s="525"/>
      <c r="Y255" s="525"/>
      <c r="Z255" s="525">
        <v>1051</v>
      </c>
      <c r="AA255" s="525"/>
      <c r="AB255" s="525"/>
      <c r="AC255" s="525"/>
      <c r="AD255" s="525">
        <v>1058</v>
      </c>
      <c r="AE255" s="525"/>
      <c r="AF255" s="525"/>
      <c r="AG255" s="547"/>
      <c r="AH255" s="3"/>
    </row>
    <row r="256" spans="1:34" s="2" customFormat="1" ht="12.95" customHeight="1">
      <c r="A256" s="361" t="s">
        <v>355</v>
      </c>
      <c r="B256" s="362"/>
      <c r="C256" s="362"/>
      <c r="D256" s="362"/>
      <c r="E256" s="363"/>
      <c r="F256" s="534" t="s">
        <v>357</v>
      </c>
      <c r="G256" s="534"/>
      <c r="H256" s="534"/>
      <c r="I256" s="534"/>
      <c r="J256" s="534" t="s">
        <v>358</v>
      </c>
      <c r="K256" s="534"/>
      <c r="L256" s="534"/>
      <c r="M256" s="534"/>
      <c r="N256" s="534" t="s">
        <v>359</v>
      </c>
      <c r="O256" s="534"/>
      <c r="P256" s="534"/>
      <c r="Q256" s="534"/>
      <c r="R256" s="534" t="s">
        <v>360</v>
      </c>
      <c r="S256" s="534"/>
      <c r="T256" s="534"/>
      <c r="U256" s="534"/>
      <c r="V256" s="534">
        <v>1235</v>
      </c>
      <c r="W256" s="534"/>
      <c r="X256" s="534"/>
      <c r="Y256" s="534"/>
      <c r="Z256" s="534">
        <v>714</v>
      </c>
      <c r="AA256" s="534"/>
      <c r="AB256" s="534"/>
      <c r="AC256" s="534"/>
      <c r="AD256" s="534">
        <v>521</v>
      </c>
      <c r="AE256" s="534"/>
      <c r="AF256" s="534"/>
      <c r="AG256" s="872"/>
      <c r="AH256" s="48"/>
    </row>
    <row r="257" spans="1:34" s="2" customFormat="1" ht="12.95" customHeight="1">
      <c r="A257" s="8" t="s">
        <v>310</v>
      </c>
      <c r="P257" s="43"/>
      <c r="Q257" s="43"/>
      <c r="R257" s="43"/>
      <c r="S257" s="43"/>
      <c r="T257" s="43"/>
      <c r="U257" s="43"/>
      <c r="V257" s="43"/>
      <c r="W257" s="43"/>
      <c r="X257" s="43"/>
      <c r="Y257" s="43"/>
      <c r="Z257" s="43"/>
      <c r="AA257" s="43"/>
      <c r="AB257" s="43"/>
      <c r="AC257" s="43"/>
      <c r="AD257" s="43"/>
      <c r="AE257" s="43"/>
      <c r="AF257" s="43"/>
      <c r="AG257" s="43"/>
    </row>
    <row r="258" spans="1:34" s="2" customFormat="1" ht="12.95" customHeight="1">
      <c r="A258" s="8" t="s">
        <v>334</v>
      </c>
      <c r="P258" s="43"/>
      <c r="Q258" s="43"/>
      <c r="R258" s="43"/>
      <c r="S258" s="43"/>
      <c r="T258" s="43"/>
      <c r="U258" s="43"/>
      <c r="V258" s="43"/>
      <c r="W258" s="43"/>
      <c r="X258" s="43"/>
      <c r="Y258" s="43"/>
      <c r="Z258" s="43"/>
      <c r="AA258" s="43"/>
      <c r="AB258" s="43"/>
      <c r="AC258" s="43"/>
      <c r="AD258" s="43"/>
      <c r="AE258" s="43"/>
      <c r="AF258" s="43"/>
      <c r="AG258" s="43"/>
    </row>
    <row r="259" spans="1:34" s="2" customFormat="1" ht="12.95" customHeight="1">
      <c r="A259" s="8" t="s">
        <v>311</v>
      </c>
      <c r="P259" s="43"/>
      <c r="Q259" s="43"/>
      <c r="R259" s="43"/>
      <c r="S259" s="43"/>
      <c r="T259" s="43"/>
      <c r="U259" s="43"/>
      <c r="V259" s="43"/>
      <c r="W259" s="43"/>
      <c r="X259" s="43"/>
      <c r="Y259" s="43"/>
      <c r="Z259" s="43"/>
      <c r="AA259" s="43"/>
      <c r="AB259" s="43"/>
      <c r="AC259" s="43"/>
      <c r="AD259" s="43"/>
      <c r="AE259" s="43"/>
      <c r="AF259" s="43"/>
      <c r="AG259" s="43"/>
    </row>
    <row r="260" spans="1:34" s="2" customFormat="1" ht="12.95" customHeight="1">
      <c r="A260" s="8" t="s">
        <v>361</v>
      </c>
      <c r="B260" s="67"/>
      <c r="C260" s="67"/>
      <c r="D260" s="67"/>
      <c r="E260" s="67"/>
      <c r="F260" s="67"/>
      <c r="G260" s="67"/>
      <c r="H260" s="67"/>
      <c r="I260" s="67"/>
      <c r="J260" s="67"/>
      <c r="K260" s="67"/>
      <c r="L260" s="67"/>
      <c r="M260" s="67"/>
      <c r="N260" s="67"/>
      <c r="O260" s="67"/>
      <c r="P260" s="67"/>
      <c r="Q260" s="67"/>
      <c r="R260" s="67"/>
      <c r="S260" s="67"/>
      <c r="T260" s="67"/>
      <c r="U260" s="67"/>
      <c r="V260" s="67"/>
      <c r="W260" s="67"/>
      <c r="X260" s="67"/>
      <c r="Y260" s="67"/>
      <c r="Z260" s="67"/>
      <c r="AA260" s="67"/>
      <c r="AB260" s="67"/>
      <c r="AC260" s="67"/>
      <c r="AD260" s="67"/>
      <c r="AE260" s="67"/>
      <c r="AF260" s="67"/>
      <c r="AG260" s="43"/>
    </row>
    <row r="261" spans="1:34" s="2" customFormat="1" ht="12.95" customHeight="1">
      <c r="A261" s="8" t="s">
        <v>365</v>
      </c>
      <c r="B261" s="67"/>
      <c r="C261" s="67"/>
      <c r="D261" s="67"/>
      <c r="E261" s="67"/>
      <c r="F261" s="67"/>
      <c r="G261" s="67"/>
      <c r="H261" s="67"/>
      <c r="I261" s="67"/>
      <c r="J261" s="67"/>
      <c r="K261" s="67"/>
      <c r="L261" s="67"/>
      <c r="M261" s="67"/>
      <c r="N261" s="67"/>
      <c r="O261" s="67"/>
      <c r="P261" s="67"/>
      <c r="Q261" s="67"/>
      <c r="R261" s="67"/>
      <c r="S261" s="67"/>
      <c r="T261" s="67"/>
      <c r="U261" s="67"/>
      <c r="V261" s="67"/>
      <c r="W261" s="67"/>
      <c r="X261" s="67"/>
      <c r="Y261" s="67"/>
      <c r="Z261" s="67"/>
      <c r="AA261" s="67"/>
      <c r="AB261" s="67"/>
      <c r="AC261" s="67"/>
      <c r="AD261" s="67"/>
      <c r="AE261" s="67"/>
      <c r="AF261" s="67"/>
      <c r="AG261" s="43"/>
    </row>
    <row r="262" spans="1:34" s="2" customFormat="1" ht="12.75" customHeight="1">
      <c r="A262" s="8"/>
      <c r="Q262" s="43"/>
      <c r="R262" s="43"/>
      <c r="S262" s="43"/>
      <c r="T262" s="43"/>
      <c r="U262" s="43"/>
      <c r="V262" s="43"/>
      <c r="W262" s="43"/>
      <c r="X262" s="43"/>
      <c r="Y262" s="43"/>
      <c r="Z262" s="43"/>
      <c r="AA262" s="43"/>
      <c r="AB262" s="43"/>
      <c r="AC262" s="43"/>
      <c r="AD262" s="43"/>
      <c r="AE262" s="43"/>
      <c r="AF262" s="43"/>
      <c r="AG262" s="43" t="s">
        <v>302</v>
      </c>
    </row>
    <row r="263" spans="1:34" s="30" customFormat="1" ht="19.5" customHeight="1">
      <c r="A263" s="2"/>
      <c r="B263" s="2"/>
      <c r="C263" s="2"/>
      <c r="D263" s="2"/>
      <c r="E263" s="2"/>
      <c r="F263" s="2"/>
      <c r="G263" s="2"/>
      <c r="H263" s="2"/>
      <c r="I263" s="2"/>
      <c r="J263" s="2"/>
      <c r="K263" s="2"/>
      <c r="L263" s="2"/>
      <c r="M263" s="2"/>
      <c r="N263" s="2"/>
      <c r="O263" s="2"/>
      <c r="P263" s="43"/>
      <c r="Q263" s="43"/>
      <c r="R263" s="43"/>
      <c r="S263" s="43"/>
      <c r="T263" s="43"/>
      <c r="U263" s="43"/>
      <c r="V263" s="43"/>
      <c r="W263" s="43"/>
      <c r="X263" s="43"/>
      <c r="Y263" s="43"/>
      <c r="Z263" s="43"/>
      <c r="AA263" s="43"/>
      <c r="AB263" s="43"/>
      <c r="AC263" s="43"/>
      <c r="AD263" s="43"/>
      <c r="AE263" s="43"/>
      <c r="AF263" s="43"/>
      <c r="AG263" s="43"/>
      <c r="AH263" s="2"/>
    </row>
    <row r="264" spans="1:34" s="3" customFormat="1" ht="14.1" customHeight="1">
      <c r="A264" s="44" t="s">
        <v>394</v>
      </c>
      <c r="B264" s="57"/>
      <c r="C264" s="58"/>
      <c r="D264" s="58"/>
      <c r="E264" s="58"/>
      <c r="F264" s="58"/>
      <c r="G264" s="58"/>
      <c r="H264" s="58"/>
      <c r="I264" s="58"/>
      <c r="J264" s="58"/>
      <c r="K264" s="58"/>
      <c r="L264" s="58"/>
      <c r="M264" s="58"/>
      <c r="N264" s="58"/>
      <c r="O264" s="58"/>
      <c r="P264" s="58"/>
      <c r="Q264" s="58"/>
      <c r="R264" s="58"/>
      <c r="S264" s="58"/>
      <c r="T264" s="58"/>
      <c r="U264" s="58"/>
      <c r="V264" s="58"/>
      <c r="W264" s="58"/>
      <c r="X264" s="58"/>
      <c r="Y264" s="58"/>
      <c r="Z264" s="58"/>
      <c r="AA264" s="58"/>
      <c r="AB264" s="58"/>
      <c r="AC264" s="58"/>
      <c r="AD264" s="58"/>
      <c r="AE264" s="30"/>
      <c r="AF264" s="30"/>
      <c r="AG264" s="30"/>
      <c r="AH264" s="30"/>
    </row>
    <row r="265" spans="1:34" s="3" customFormat="1" ht="15.95" customHeight="1">
      <c r="B265" s="3" t="s">
        <v>126</v>
      </c>
      <c r="AE265" s="65"/>
      <c r="AF265" s="65"/>
      <c r="AG265" s="66" t="s">
        <v>52</v>
      </c>
    </row>
    <row r="266" spans="1:34" s="3" customFormat="1" ht="14.1" customHeight="1">
      <c r="A266" s="68" t="s">
        <v>169</v>
      </c>
      <c r="B266" s="61"/>
      <c r="C266" s="61"/>
      <c r="D266" s="56"/>
      <c r="E266" s="56"/>
      <c r="F266" s="56"/>
      <c r="G266" s="69" t="s">
        <v>38</v>
      </c>
      <c r="H266" s="578" t="s">
        <v>50</v>
      </c>
      <c r="I266" s="579"/>
      <c r="J266" s="579"/>
      <c r="K266" s="579"/>
      <c r="L266" s="579"/>
      <c r="M266" s="580"/>
      <c r="N266" s="955" t="s">
        <v>196</v>
      </c>
      <c r="O266" s="589"/>
      <c r="P266" s="589"/>
      <c r="Q266" s="589"/>
      <c r="R266" s="956"/>
      <c r="S266" s="955" t="s">
        <v>197</v>
      </c>
      <c r="T266" s="589"/>
      <c r="U266" s="589"/>
      <c r="V266" s="589"/>
      <c r="W266" s="956"/>
      <c r="X266" s="955" t="s">
        <v>198</v>
      </c>
      <c r="Y266" s="589"/>
      <c r="Z266" s="589"/>
      <c r="AA266" s="589"/>
      <c r="AB266" s="956"/>
      <c r="AC266" s="588" t="s">
        <v>199</v>
      </c>
      <c r="AD266" s="589"/>
      <c r="AE266" s="589"/>
      <c r="AF266" s="589"/>
      <c r="AG266" s="589"/>
    </row>
    <row r="267" spans="1:34" s="3" customFormat="1" ht="14.25" customHeight="1">
      <c r="A267" s="790">
        <v>22</v>
      </c>
      <c r="B267" s="791"/>
      <c r="C267" s="791"/>
      <c r="D267" s="791"/>
      <c r="E267" s="791"/>
      <c r="F267" s="791"/>
      <c r="G267" s="792"/>
      <c r="H267" s="532">
        <v>2749</v>
      </c>
      <c r="I267" s="533"/>
      <c r="J267" s="533"/>
      <c r="K267" s="533"/>
      <c r="L267" s="533"/>
      <c r="M267" s="533"/>
      <c r="N267" s="533">
        <v>243</v>
      </c>
      <c r="O267" s="533"/>
      <c r="P267" s="533"/>
      <c r="Q267" s="533"/>
      <c r="R267" s="533"/>
      <c r="S267" s="533">
        <v>1403</v>
      </c>
      <c r="T267" s="533"/>
      <c r="U267" s="533"/>
      <c r="V267" s="533"/>
      <c r="W267" s="533"/>
      <c r="X267" s="533">
        <v>213</v>
      </c>
      <c r="Y267" s="533"/>
      <c r="Z267" s="533"/>
      <c r="AA267" s="533"/>
      <c r="AB267" s="533"/>
      <c r="AC267" s="533">
        <v>890</v>
      </c>
      <c r="AD267" s="533"/>
      <c r="AE267" s="533"/>
      <c r="AF267" s="533"/>
      <c r="AG267" s="957"/>
    </row>
    <row r="268" spans="1:34" s="48" customFormat="1" ht="14.25" customHeight="1">
      <c r="A268" s="800">
        <v>27</v>
      </c>
      <c r="B268" s="801"/>
      <c r="C268" s="801"/>
      <c r="D268" s="801"/>
      <c r="E268" s="801"/>
      <c r="F268" s="801"/>
      <c r="G268" s="802"/>
      <c r="H268" s="533">
        <v>2109</v>
      </c>
      <c r="I268" s="533"/>
      <c r="J268" s="533"/>
      <c r="K268" s="533"/>
      <c r="L268" s="533"/>
      <c r="M268" s="533"/>
      <c r="N268" s="533">
        <v>156</v>
      </c>
      <c r="O268" s="533"/>
      <c r="P268" s="533"/>
      <c r="Q268" s="533"/>
      <c r="R268" s="533"/>
      <c r="S268" s="533">
        <v>956</v>
      </c>
      <c r="T268" s="533"/>
      <c r="U268" s="533"/>
      <c r="V268" s="533"/>
      <c r="W268" s="533"/>
      <c r="X268" s="533">
        <v>203</v>
      </c>
      <c r="Y268" s="533"/>
      <c r="Z268" s="533"/>
      <c r="AA268" s="533"/>
      <c r="AB268" s="533"/>
      <c r="AC268" s="533">
        <v>794</v>
      </c>
      <c r="AD268" s="533"/>
      <c r="AE268" s="533"/>
      <c r="AF268" s="533"/>
      <c r="AG268" s="957"/>
      <c r="AH268" s="3"/>
    </row>
    <row r="269" spans="1:34" s="2" customFormat="1" ht="14.25" customHeight="1">
      <c r="A269" s="548" t="s">
        <v>355</v>
      </c>
      <c r="B269" s="549"/>
      <c r="C269" s="549"/>
      <c r="D269" s="549"/>
      <c r="E269" s="549"/>
      <c r="F269" s="549"/>
      <c r="G269" s="550"/>
      <c r="H269" s="551">
        <v>578</v>
      </c>
      <c r="I269" s="551"/>
      <c r="J269" s="551"/>
      <c r="K269" s="551"/>
      <c r="L269" s="551"/>
      <c r="M269" s="551"/>
      <c r="N269" s="318" t="s">
        <v>364</v>
      </c>
      <c r="O269" s="318"/>
      <c r="P269" s="318"/>
      <c r="Q269" s="318"/>
      <c r="R269" s="318"/>
      <c r="S269" s="551">
        <v>105</v>
      </c>
      <c r="T269" s="551"/>
      <c r="U269" s="551"/>
      <c r="V269" s="551"/>
      <c r="W269" s="551"/>
      <c r="X269" s="551">
        <v>99</v>
      </c>
      <c r="Y269" s="551"/>
      <c r="Z269" s="551"/>
      <c r="AA269" s="551"/>
      <c r="AB269" s="551"/>
      <c r="AC269" s="551">
        <v>374</v>
      </c>
      <c r="AD269" s="551"/>
      <c r="AE269" s="551"/>
      <c r="AF269" s="551"/>
      <c r="AG269" s="946"/>
      <c r="AH269" s="48"/>
    </row>
    <row r="270" spans="1:34" s="2" customFormat="1" ht="12.95" customHeight="1">
      <c r="A270" s="8" t="s">
        <v>362</v>
      </c>
      <c r="P270" s="43"/>
      <c r="Q270" s="43"/>
      <c r="R270" s="43"/>
      <c r="S270" s="43"/>
      <c r="T270" s="43"/>
      <c r="U270" s="43"/>
      <c r="V270" s="43"/>
      <c r="W270" s="43"/>
      <c r="X270" s="43"/>
      <c r="Y270" s="43"/>
      <c r="Z270" s="43"/>
      <c r="AA270" s="43"/>
      <c r="AB270" s="43"/>
      <c r="AC270" s="43"/>
      <c r="AD270" s="43"/>
      <c r="AE270" s="43"/>
      <c r="AF270" s="43"/>
    </row>
    <row r="271" spans="1:34" s="2" customFormat="1" ht="12.95" customHeight="1">
      <c r="A271" s="8" t="s">
        <v>363</v>
      </c>
      <c r="P271" s="43"/>
      <c r="Q271" s="43"/>
      <c r="R271" s="43"/>
      <c r="S271" s="43"/>
      <c r="T271" s="43"/>
      <c r="U271" s="43"/>
      <c r="V271" s="43"/>
      <c r="W271" s="43"/>
      <c r="X271" s="43"/>
      <c r="Y271" s="43"/>
      <c r="Z271" s="43"/>
      <c r="AA271" s="43"/>
      <c r="AB271" s="43"/>
      <c r="AC271" s="43"/>
      <c r="AD271" s="43"/>
      <c r="AE271" s="43"/>
      <c r="AF271" s="43"/>
      <c r="AG271" s="43" t="s">
        <v>302</v>
      </c>
    </row>
    <row r="272" spans="1:34" s="2" customFormat="1" ht="12" customHeight="1"/>
    <row r="273" spans="1:35" s="30" customFormat="1" ht="20.100000000000001" customHeight="1">
      <c r="A273" s="2"/>
      <c r="B273" s="2"/>
      <c r="C273" s="2"/>
      <c r="D273" s="2"/>
      <c r="E273" s="2"/>
      <c r="F273" s="2"/>
      <c r="G273" s="2"/>
      <c r="H273" s="2"/>
      <c r="I273" s="2"/>
      <c r="J273" s="2"/>
      <c r="K273" s="2"/>
      <c r="L273" s="2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  <c r="AA273" s="2"/>
      <c r="AB273" s="2"/>
      <c r="AC273" s="2"/>
      <c r="AD273" s="2"/>
      <c r="AE273" s="2"/>
      <c r="AF273" s="2"/>
      <c r="AG273" s="43"/>
      <c r="AH273" s="2"/>
    </row>
    <row r="274" spans="1:35" s="3" customFormat="1" ht="14.1" customHeight="1">
      <c r="A274" s="44" t="s">
        <v>395</v>
      </c>
      <c r="B274" s="57"/>
      <c r="C274" s="58"/>
      <c r="D274" s="58"/>
      <c r="E274" s="58"/>
      <c r="F274" s="58"/>
      <c r="G274" s="58"/>
      <c r="H274" s="58"/>
      <c r="I274" s="58"/>
      <c r="J274" s="58"/>
      <c r="K274" s="58"/>
      <c r="L274" s="58"/>
      <c r="M274" s="58"/>
      <c r="N274" s="58"/>
      <c r="O274" s="58"/>
      <c r="P274" s="58"/>
      <c r="Q274" s="58"/>
      <c r="R274" s="58"/>
      <c r="S274" s="58"/>
      <c r="T274" s="58"/>
      <c r="U274" s="58"/>
      <c r="V274" s="58"/>
      <c r="W274" s="58"/>
      <c r="X274" s="58"/>
      <c r="Y274" s="58"/>
      <c r="Z274" s="58"/>
      <c r="AA274" s="58"/>
      <c r="AB274" s="58"/>
      <c r="AC274" s="58"/>
      <c r="AD274" s="58"/>
      <c r="AE274" s="30"/>
      <c r="AF274" s="30"/>
      <c r="AG274" s="30"/>
      <c r="AH274" s="30"/>
    </row>
    <row r="275" spans="1:35" s="3" customFormat="1" ht="14.1" customHeight="1">
      <c r="B275" s="3" t="s">
        <v>126</v>
      </c>
      <c r="AE275" s="54"/>
      <c r="AF275" s="54"/>
      <c r="AG275" s="64" t="s">
        <v>132</v>
      </c>
    </row>
    <row r="276" spans="1:35" s="3" customFormat="1" ht="14.1" customHeight="1">
      <c r="A276" s="214" t="s">
        <v>38</v>
      </c>
      <c r="B276" s="215"/>
      <c r="C276" s="215"/>
      <c r="D276" s="216"/>
      <c r="E276" s="875" t="s">
        <v>163</v>
      </c>
      <c r="F276" s="875"/>
      <c r="G276" s="875"/>
      <c r="H276" s="875"/>
      <c r="I276" s="875" t="s">
        <v>164</v>
      </c>
      <c r="J276" s="875"/>
      <c r="K276" s="875"/>
      <c r="L276" s="560" t="s">
        <v>133</v>
      </c>
      <c r="M276" s="560"/>
      <c r="N276" s="560"/>
      <c r="O276" s="560"/>
      <c r="P276" s="349" t="s">
        <v>154</v>
      </c>
      <c r="Q276" s="350"/>
      <c r="R276" s="350"/>
      <c r="S276" s="350"/>
      <c r="T276" s="350"/>
      <c r="U276" s="350"/>
      <c r="V276" s="350"/>
      <c r="W276" s="350"/>
      <c r="X276" s="350"/>
      <c r="Y276" s="350"/>
      <c r="Z276" s="350"/>
      <c r="AA276" s="350"/>
      <c r="AB276" s="350"/>
      <c r="AC276" s="350"/>
      <c r="AD276" s="350"/>
      <c r="AE276" s="350"/>
      <c r="AF276" s="350"/>
      <c r="AG276" s="351"/>
    </row>
    <row r="277" spans="1:35" s="3" customFormat="1" ht="14.1" customHeight="1">
      <c r="A277" s="377"/>
      <c r="B277" s="378"/>
      <c r="C277" s="378"/>
      <c r="D277" s="379"/>
      <c r="E277" s="876"/>
      <c r="F277" s="876"/>
      <c r="G277" s="876"/>
      <c r="H277" s="876"/>
      <c r="I277" s="876"/>
      <c r="J277" s="876"/>
      <c r="K277" s="876"/>
      <c r="L277" s="561"/>
      <c r="M277" s="561"/>
      <c r="N277" s="561"/>
      <c r="O277" s="561"/>
      <c r="P277" s="419" t="s">
        <v>155</v>
      </c>
      <c r="Q277" s="419"/>
      <c r="R277" s="419"/>
      <c r="S277" s="879" t="s">
        <v>162</v>
      </c>
      <c r="T277" s="879"/>
      <c r="U277" s="879"/>
      <c r="V277" s="419" t="s">
        <v>159</v>
      </c>
      <c r="W277" s="419"/>
      <c r="X277" s="419"/>
      <c r="Y277" s="419"/>
      <c r="Z277" s="419"/>
      <c r="AA277" s="419"/>
      <c r="AB277" s="419"/>
      <c r="AC277" s="419"/>
      <c r="AD277" s="419"/>
      <c r="AE277" s="419"/>
      <c r="AF277" s="419"/>
      <c r="AG277" s="880"/>
    </row>
    <row r="278" spans="1:35" s="3" customFormat="1" ht="14.1" customHeight="1">
      <c r="A278" s="558" t="s">
        <v>169</v>
      </c>
      <c r="B278" s="540"/>
      <c r="C278" s="540"/>
      <c r="D278" s="559"/>
      <c r="E278" s="876"/>
      <c r="F278" s="876"/>
      <c r="G278" s="876"/>
      <c r="H278" s="876"/>
      <c r="I278" s="876"/>
      <c r="J278" s="876"/>
      <c r="K278" s="876"/>
      <c r="L278" s="561"/>
      <c r="M278" s="561"/>
      <c r="N278" s="561"/>
      <c r="O278" s="561"/>
      <c r="P278" s="419"/>
      <c r="Q278" s="419"/>
      <c r="R278" s="419"/>
      <c r="S278" s="879"/>
      <c r="T278" s="879"/>
      <c r="U278" s="879"/>
      <c r="V278" s="380" t="s">
        <v>134</v>
      </c>
      <c r="W278" s="380"/>
      <c r="X278" s="380"/>
      <c r="Y278" s="380" t="s">
        <v>135</v>
      </c>
      <c r="Z278" s="380"/>
      <c r="AA278" s="380"/>
      <c r="AB278" s="380"/>
      <c r="AC278" s="380"/>
      <c r="AD278" s="380"/>
      <c r="AE278" s="380" t="s">
        <v>136</v>
      </c>
      <c r="AF278" s="380"/>
      <c r="AG278" s="894"/>
    </row>
    <row r="279" spans="1:35" s="3" customFormat="1" ht="13.5" customHeight="1">
      <c r="A279" s="552">
        <v>22</v>
      </c>
      <c r="B279" s="553"/>
      <c r="C279" s="553"/>
      <c r="D279" s="554"/>
      <c r="E279" s="877">
        <v>627</v>
      </c>
      <c r="F279" s="878"/>
      <c r="G279" s="878"/>
      <c r="H279" s="878"/>
      <c r="I279" s="316">
        <v>107</v>
      </c>
      <c r="J279" s="316"/>
      <c r="K279" s="316"/>
      <c r="L279" s="316">
        <v>78</v>
      </c>
      <c r="M279" s="316"/>
      <c r="N279" s="316"/>
      <c r="O279" s="316"/>
      <c r="P279" s="316">
        <v>442</v>
      </c>
      <c r="Q279" s="316"/>
      <c r="R279" s="316"/>
      <c r="S279" s="526" t="s">
        <v>284</v>
      </c>
      <c r="T279" s="526"/>
      <c r="U279" s="526"/>
      <c r="V279" s="526" t="s">
        <v>284</v>
      </c>
      <c r="W279" s="526"/>
      <c r="X279" s="526"/>
      <c r="Y279" s="526" t="s">
        <v>284</v>
      </c>
      <c r="Z279" s="526"/>
      <c r="AA279" s="526"/>
      <c r="AB279" s="526"/>
      <c r="AC279" s="526"/>
      <c r="AD279" s="526"/>
      <c r="AE279" s="526" t="s">
        <v>284</v>
      </c>
      <c r="AF279" s="526"/>
      <c r="AG279" s="562"/>
    </row>
    <row r="280" spans="1:35" s="48" customFormat="1" ht="14.1" customHeight="1">
      <c r="A280" s="162">
        <v>27</v>
      </c>
      <c r="B280" s="163"/>
      <c r="C280" s="163"/>
      <c r="D280" s="164"/>
      <c r="E280" s="316">
        <v>557</v>
      </c>
      <c r="F280" s="316"/>
      <c r="G280" s="316"/>
      <c r="H280" s="316"/>
      <c r="I280" s="316">
        <v>161</v>
      </c>
      <c r="J280" s="316"/>
      <c r="K280" s="316"/>
      <c r="L280" s="316">
        <v>53</v>
      </c>
      <c r="M280" s="316"/>
      <c r="N280" s="316"/>
      <c r="O280" s="316"/>
      <c r="P280" s="316">
        <v>343</v>
      </c>
      <c r="Q280" s="316"/>
      <c r="R280" s="316"/>
      <c r="S280" s="526" t="s">
        <v>368</v>
      </c>
      <c r="T280" s="526"/>
      <c r="U280" s="526"/>
      <c r="V280" s="526" t="s">
        <v>284</v>
      </c>
      <c r="W280" s="526"/>
      <c r="X280" s="526"/>
      <c r="Y280" s="526" t="s">
        <v>284</v>
      </c>
      <c r="Z280" s="526"/>
      <c r="AA280" s="526"/>
      <c r="AB280" s="526"/>
      <c r="AC280" s="526"/>
      <c r="AD280" s="526"/>
      <c r="AE280" s="526" t="s">
        <v>284</v>
      </c>
      <c r="AF280" s="526"/>
      <c r="AG280" s="562"/>
      <c r="AH280" s="3"/>
      <c r="AI280" s="3"/>
    </row>
    <row r="281" spans="1:35" s="2" customFormat="1" ht="12.95" customHeight="1">
      <c r="A281" s="555" t="s">
        <v>367</v>
      </c>
      <c r="B281" s="556"/>
      <c r="C281" s="556"/>
      <c r="D281" s="557"/>
      <c r="E281" s="334">
        <v>501</v>
      </c>
      <c r="F281" s="334"/>
      <c r="G281" s="334"/>
      <c r="H281" s="334"/>
      <c r="I281" s="334" t="s">
        <v>358</v>
      </c>
      <c r="J281" s="334"/>
      <c r="K281" s="334"/>
      <c r="L281" s="334" t="s">
        <v>369</v>
      </c>
      <c r="M281" s="334"/>
      <c r="N281" s="334"/>
      <c r="O281" s="334"/>
      <c r="P281" s="334" t="s">
        <v>360</v>
      </c>
      <c r="Q281" s="334"/>
      <c r="R281" s="334"/>
      <c r="S281" s="873" t="s">
        <v>370</v>
      </c>
      <c r="T281" s="873"/>
      <c r="U281" s="873"/>
      <c r="V281" s="873" t="s">
        <v>371</v>
      </c>
      <c r="W281" s="873"/>
      <c r="X281" s="873"/>
      <c r="Y281" s="873" t="s">
        <v>372</v>
      </c>
      <c r="Z281" s="873"/>
      <c r="AA281" s="873"/>
      <c r="AB281" s="873"/>
      <c r="AC281" s="873"/>
      <c r="AD281" s="873"/>
      <c r="AE281" s="873" t="s">
        <v>372</v>
      </c>
      <c r="AF281" s="873"/>
      <c r="AG281" s="874"/>
      <c r="AH281" s="48"/>
    </row>
    <row r="282" spans="1:35" s="2" customFormat="1" ht="12.95" customHeight="1">
      <c r="A282" s="8" t="s">
        <v>312</v>
      </c>
      <c r="P282" s="43"/>
      <c r="Q282" s="43"/>
      <c r="R282" s="43"/>
      <c r="S282" s="43"/>
      <c r="T282" s="43"/>
      <c r="U282" s="43"/>
      <c r="V282" s="43"/>
      <c r="W282" s="43"/>
      <c r="X282" s="43"/>
      <c r="Y282" s="43"/>
      <c r="Z282" s="43"/>
      <c r="AA282" s="43"/>
      <c r="AB282" s="43"/>
      <c r="AC282" s="43"/>
      <c r="AD282" s="43"/>
      <c r="AE282" s="43"/>
      <c r="AF282" s="43"/>
    </row>
    <row r="283" spans="1:35" s="2" customFormat="1" ht="12.75" customHeight="1">
      <c r="A283" s="8" t="s">
        <v>366</v>
      </c>
      <c r="AG283" s="43" t="s">
        <v>302</v>
      </c>
    </row>
    <row r="284" spans="1:35" s="60" customFormat="1" ht="20.100000000000001" customHeight="1">
      <c r="A284" s="2"/>
      <c r="B284" s="2"/>
      <c r="C284" s="2"/>
      <c r="D284" s="2"/>
      <c r="E284" s="2"/>
      <c r="F284" s="2"/>
      <c r="G284" s="2"/>
      <c r="H284" s="2"/>
      <c r="I284" s="2"/>
      <c r="J284" s="2"/>
      <c r="K284" s="2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  <c r="AA284" s="2"/>
      <c r="AB284" s="2"/>
      <c r="AC284" s="2"/>
      <c r="AD284" s="2"/>
      <c r="AE284" s="2"/>
      <c r="AF284" s="2"/>
      <c r="AG284" s="43"/>
      <c r="AH284" s="2"/>
    </row>
    <row r="285" spans="1:35" s="3" customFormat="1" ht="14.1" customHeight="1">
      <c r="A285" s="60" t="s">
        <v>396</v>
      </c>
      <c r="B285" s="60"/>
      <c r="C285" s="60"/>
      <c r="D285" s="60"/>
      <c r="E285" s="60"/>
      <c r="F285" s="60"/>
      <c r="G285" s="60"/>
      <c r="H285" s="60"/>
      <c r="I285" s="60"/>
      <c r="J285" s="60"/>
      <c r="K285" s="60"/>
      <c r="L285" s="60"/>
      <c r="M285" s="60"/>
      <c r="N285" s="60"/>
      <c r="O285" s="60"/>
      <c r="P285" s="60"/>
      <c r="Q285" s="60"/>
      <c r="R285" s="60"/>
      <c r="S285" s="60"/>
      <c r="T285" s="60"/>
      <c r="U285" s="60"/>
      <c r="V285" s="60"/>
      <c r="W285" s="60"/>
      <c r="X285" s="60"/>
      <c r="Y285" s="60"/>
      <c r="Z285" s="60"/>
      <c r="AA285" s="60"/>
      <c r="AB285" s="60"/>
      <c r="AC285" s="60"/>
      <c r="AD285" s="60"/>
      <c r="AE285" s="60"/>
      <c r="AF285" s="60"/>
      <c r="AG285" s="60"/>
      <c r="AH285" s="60"/>
    </row>
    <row r="286" spans="1:35" s="3" customFormat="1" ht="14.1" customHeight="1">
      <c r="B286" s="3" t="s">
        <v>126</v>
      </c>
      <c r="X286" s="64" t="s">
        <v>137</v>
      </c>
      <c r="AE286" s="54"/>
      <c r="AF286" s="54"/>
    </row>
    <row r="287" spans="1:35" s="3" customFormat="1" ht="14.1" customHeight="1">
      <c r="A287" s="214" t="s">
        <v>38</v>
      </c>
      <c r="B287" s="215"/>
      <c r="C287" s="215"/>
      <c r="D287" s="215"/>
      <c r="E287" s="216"/>
      <c r="F287" s="958" t="s">
        <v>45</v>
      </c>
      <c r="G287" s="958"/>
      <c r="H287" s="958"/>
      <c r="I287" s="958"/>
      <c r="J287" s="311" t="s">
        <v>138</v>
      </c>
      <c r="K287" s="312"/>
      <c r="L287" s="312"/>
      <c r="M287" s="313"/>
      <c r="N287" s="313"/>
      <c r="O287" s="314"/>
      <c r="P287" s="311" t="s">
        <v>139</v>
      </c>
      <c r="Q287" s="312"/>
      <c r="R287" s="312"/>
      <c r="S287" s="313"/>
      <c r="T287" s="313"/>
      <c r="U287" s="314"/>
      <c r="V287" s="153" t="s">
        <v>189</v>
      </c>
      <c r="W287" s="154"/>
      <c r="X287" s="563"/>
      <c r="Y287" s="51"/>
      <c r="Z287" s="2"/>
      <c r="AA287" s="2"/>
      <c r="AB287" s="2"/>
      <c r="AC287" s="2"/>
      <c r="AD287" s="2"/>
      <c r="AE287" s="2"/>
      <c r="AF287" s="2"/>
      <c r="AG287" s="2"/>
    </row>
    <row r="288" spans="1:35" s="3" customFormat="1" ht="14.1" customHeight="1">
      <c r="A288" s="157" t="s">
        <v>169</v>
      </c>
      <c r="B288" s="158"/>
      <c r="C288" s="158"/>
      <c r="D288" s="158"/>
      <c r="E288" s="159"/>
      <c r="F288" s="419"/>
      <c r="G288" s="419"/>
      <c r="H288" s="419"/>
      <c r="I288" s="419"/>
      <c r="J288" s="443"/>
      <c r="K288" s="443"/>
      <c r="L288" s="443"/>
      <c r="M288" s="419" t="s">
        <v>140</v>
      </c>
      <c r="N288" s="419"/>
      <c r="O288" s="419"/>
      <c r="P288" s="443"/>
      <c r="Q288" s="443"/>
      <c r="R288" s="443"/>
      <c r="S288" s="419" t="s">
        <v>140</v>
      </c>
      <c r="T288" s="419"/>
      <c r="U288" s="419"/>
      <c r="V288" s="148"/>
      <c r="W288" s="149"/>
      <c r="X288" s="150"/>
      <c r="Y288" s="2"/>
      <c r="Z288" s="2"/>
      <c r="AA288" s="2"/>
      <c r="AB288" s="2"/>
      <c r="AC288" s="2"/>
      <c r="AD288" s="2"/>
      <c r="AE288" s="2"/>
      <c r="AF288" s="2"/>
      <c r="AG288" s="2"/>
    </row>
    <row r="289" spans="1:34" s="3" customFormat="1" ht="14.25" customHeight="1">
      <c r="A289" s="384">
        <v>22</v>
      </c>
      <c r="B289" s="385"/>
      <c r="C289" s="385"/>
      <c r="D289" s="385"/>
      <c r="E289" s="386"/>
      <c r="F289" s="396">
        <v>53707</v>
      </c>
      <c r="G289" s="397"/>
      <c r="H289" s="397"/>
      <c r="I289" s="397"/>
      <c r="J289" s="397">
        <v>44964</v>
      </c>
      <c r="K289" s="397"/>
      <c r="L289" s="397"/>
      <c r="M289" s="397">
        <v>6037</v>
      </c>
      <c r="N289" s="397"/>
      <c r="O289" s="397"/>
      <c r="P289" s="397">
        <v>5896</v>
      </c>
      <c r="Q289" s="397"/>
      <c r="R289" s="397"/>
      <c r="S289" s="397">
        <v>1774</v>
      </c>
      <c r="T289" s="397"/>
      <c r="U289" s="397"/>
      <c r="V289" s="397">
        <v>2847</v>
      </c>
      <c r="W289" s="397"/>
      <c r="X289" s="535"/>
      <c r="Y289" s="543"/>
      <c r="Z289" s="316"/>
      <c r="AA289" s="316"/>
      <c r="AB289" s="316"/>
      <c r="AC289" s="316"/>
      <c r="AD289" s="316"/>
      <c r="AE289" s="316"/>
      <c r="AF289" s="316"/>
      <c r="AG289" s="316"/>
    </row>
    <row r="290" spans="1:34" s="48" customFormat="1" ht="14.25" customHeight="1">
      <c r="A290" s="331">
        <v>27</v>
      </c>
      <c r="B290" s="332"/>
      <c r="C290" s="332"/>
      <c r="D290" s="332"/>
      <c r="E290" s="333"/>
      <c r="F290" s="397">
        <v>48234</v>
      </c>
      <c r="G290" s="397"/>
      <c r="H290" s="397"/>
      <c r="I290" s="397"/>
      <c r="J290" s="397">
        <v>40881</v>
      </c>
      <c r="K290" s="397"/>
      <c r="L290" s="397"/>
      <c r="M290" s="397">
        <v>3998</v>
      </c>
      <c r="N290" s="397"/>
      <c r="O290" s="397"/>
      <c r="P290" s="397">
        <v>5431</v>
      </c>
      <c r="Q290" s="397"/>
      <c r="R290" s="397"/>
      <c r="S290" s="397">
        <v>1167</v>
      </c>
      <c r="T290" s="397"/>
      <c r="U290" s="397"/>
      <c r="V290" s="397">
        <v>1922</v>
      </c>
      <c r="W290" s="397"/>
      <c r="X290" s="535"/>
      <c r="Y290" s="526"/>
      <c r="Z290" s="526"/>
      <c r="AA290" s="526"/>
      <c r="AB290" s="526"/>
      <c r="AC290" s="526"/>
      <c r="AD290" s="526"/>
      <c r="AE290" s="526"/>
      <c r="AF290" s="526"/>
      <c r="AG290" s="526"/>
      <c r="AH290" s="3"/>
    </row>
    <row r="291" spans="1:34" s="2" customFormat="1" ht="14.25" customHeight="1">
      <c r="A291" s="361" t="s">
        <v>375</v>
      </c>
      <c r="B291" s="362"/>
      <c r="C291" s="362"/>
      <c r="D291" s="362"/>
      <c r="E291" s="363"/>
      <c r="F291" s="315">
        <v>47071</v>
      </c>
      <c r="G291" s="315"/>
      <c r="H291" s="315"/>
      <c r="I291" s="315"/>
      <c r="J291" s="315">
        <v>40800</v>
      </c>
      <c r="K291" s="315"/>
      <c r="L291" s="315"/>
      <c r="M291" s="318" t="s">
        <v>376</v>
      </c>
      <c r="N291" s="318"/>
      <c r="O291" s="318"/>
      <c r="P291" s="315">
        <v>3136</v>
      </c>
      <c r="Q291" s="315"/>
      <c r="R291" s="315"/>
      <c r="S291" s="318" t="s">
        <v>376</v>
      </c>
      <c r="T291" s="318"/>
      <c r="U291" s="318"/>
      <c r="V291" s="315">
        <v>2432</v>
      </c>
      <c r="W291" s="315"/>
      <c r="X291" s="948"/>
      <c r="Y291" s="538"/>
      <c r="Z291" s="538"/>
      <c r="AA291" s="538"/>
      <c r="AB291" s="538"/>
      <c r="AC291" s="538"/>
      <c r="AD291" s="538"/>
      <c r="AE291" s="538"/>
      <c r="AF291" s="538"/>
      <c r="AG291" s="538"/>
      <c r="AH291" s="48"/>
    </row>
    <row r="292" spans="1:34" s="2" customFormat="1" ht="12.95" customHeight="1">
      <c r="A292" s="8" t="s">
        <v>312</v>
      </c>
      <c r="P292" s="43"/>
      <c r="Q292" s="43"/>
      <c r="R292" s="43"/>
      <c r="S292" s="43"/>
      <c r="T292" s="43"/>
      <c r="U292" s="43"/>
      <c r="V292" s="43"/>
      <c r="W292" s="43"/>
      <c r="X292" s="43" t="s">
        <v>302</v>
      </c>
      <c r="Y292" s="43"/>
      <c r="Z292" s="43"/>
      <c r="AA292" s="43"/>
      <c r="AB292" s="43"/>
      <c r="AC292" s="43"/>
      <c r="AD292" s="43"/>
      <c r="AE292" s="43"/>
      <c r="AF292" s="43"/>
      <c r="AG292" s="43"/>
    </row>
    <row r="293" spans="1:34" s="2" customFormat="1" ht="12.75" customHeight="1">
      <c r="A293" s="8" t="s">
        <v>378</v>
      </c>
      <c r="R293" s="43"/>
      <c r="S293" s="43"/>
      <c r="T293" s="43"/>
      <c r="U293" s="43"/>
      <c r="V293" s="43"/>
      <c r="W293" s="43"/>
      <c r="Y293" s="43"/>
      <c r="Z293" s="43"/>
      <c r="AA293" s="43"/>
      <c r="AB293" s="43"/>
      <c r="AC293" s="43"/>
      <c r="AD293" s="43"/>
      <c r="AE293" s="43"/>
      <c r="AF293" s="43"/>
    </row>
    <row r="294" spans="1:34" s="3" customFormat="1" ht="20.100000000000001" customHeight="1">
      <c r="A294" s="2"/>
      <c r="B294" s="2"/>
      <c r="C294" s="2"/>
      <c r="D294" s="2"/>
      <c r="E294" s="2"/>
      <c r="F294" s="2"/>
      <c r="G294" s="2"/>
      <c r="H294" s="2"/>
      <c r="I294" s="2"/>
      <c r="J294" s="2"/>
      <c r="K294" s="2"/>
      <c r="L294" s="2"/>
      <c r="M294" s="2"/>
      <c r="N294" s="2"/>
      <c r="O294" s="2"/>
      <c r="P294" s="43"/>
      <c r="Q294" s="43"/>
      <c r="R294" s="43"/>
      <c r="S294" s="43"/>
      <c r="T294" s="43"/>
      <c r="U294" s="43"/>
      <c r="V294" s="43"/>
      <c r="W294" s="43"/>
      <c r="X294" s="43"/>
      <c r="Y294" s="43"/>
      <c r="Z294" s="43"/>
      <c r="AA294" s="43"/>
      <c r="AB294" s="43"/>
      <c r="AC294" s="43"/>
      <c r="AD294" s="43"/>
      <c r="AE294" s="43"/>
      <c r="AF294" s="43"/>
      <c r="AG294" s="43"/>
      <c r="AH294" s="2"/>
    </row>
    <row r="295" spans="1:34" s="3" customFormat="1" ht="14.1" customHeight="1">
      <c r="A295" s="60" t="s">
        <v>397</v>
      </c>
    </row>
    <row r="296" spans="1:34" s="3" customFormat="1" ht="14.1" customHeight="1">
      <c r="B296" s="3" t="s">
        <v>126</v>
      </c>
      <c r="AD296" s="66" t="s">
        <v>141</v>
      </c>
    </row>
    <row r="297" spans="1:34" s="3" customFormat="1" ht="14.1" customHeight="1">
      <c r="A297" s="527" t="s">
        <v>38</v>
      </c>
      <c r="B297" s="528"/>
      <c r="C297" s="528"/>
      <c r="D297" s="528"/>
      <c r="E297" s="529"/>
      <c r="F297" s="871" t="s">
        <v>45</v>
      </c>
      <c r="G297" s="871"/>
      <c r="H297" s="871"/>
      <c r="I297" s="871"/>
      <c r="J297" s="536" t="s">
        <v>160</v>
      </c>
      <c r="K297" s="536"/>
      <c r="L297" s="536"/>
      <c r="M297" s="531" t="s">
        <v>172</v>
      </c>
      <c r="N297" s="531"/>
      <c r="O297" s="531"/>
      <c r="P297" s="531" t="s">
        <v>173</v>
      </c>
      <c r="Q297" s="531"/>
      <c r="R297" s="531"/>
      <c r="S297" s="531" t="s">
        <v>174</v>
      </c>
      <c r="T297" s="531"/>
      <c r="U297" s="531"/>
      <c r="V297" s="531" t="s">
        <v>175</v>
      </c>
      <c r="W297" s="531"/>
      <c r="X297" s="531"/>
      <c r="Y297" s="883" t="s">
        <v>335</v>
      </c>
      <c r="Z297" s="884"/>
      <c r="AA297" s="884"/>
      <c r="AB297" s="536" t="s">
        <v>161</v>
      </c>
      <c r="AC297" s="536"/>
      <c r="AD297" s="961"/>
    </row>
    <row r="298" spans="1:34" s="3" customFormat="1" ht="14.1" customHeight="1">
      <c r="A298" s="558" t="s">
        <v>169</v>
      </c>
      <c r="B298" s="540"/>
      <c r="C298" s="540"/>
      <c r="D298" s="540"/>
      <c r="E298" s="559"/>
      <c r="F298" s="443"/>
      <c r="G298" s="443"/>
      <c r="H298" s="443"/>
      <c r="I298" s="443"/>
      <c r="J298" s="537"/>
      <c r="K298" s="537"/>
      <c r="L298" s="537"/>
      <c r="M298" s="514" t="s">
        <v>317</v>
      </c>
      <c r="N298" s="514"/>
      <c r="O298" s="514"/>
      <c r="P298" s="514" t="s">
        <v>318</v>
      </c>
      <c r="Q298" s="514"/>
      <c r="R298" s="514"/>
      <c r="S298" s="514" t="s">
        <v>319</v>
      </c>
      <c r="T298" s="514"/>
      <c r="U298" s="514"/>
      <c r="V298" s="514" t="s">
        <v>320</v>
      </c>
      <c r="W298" s="514"/>
      <c r="X298" s="514"/>
      <c r="Y298" s="539" t="s">
        <v>336</v>
      </c>
      <c r="Z298" s="540"/>
      <c r="AA298" s="540"/>
      <c r="AB298" s="962"/>
      <c r="AC298" s="962"/>
      <c r="AD298" s="963"/>
    </row>
    <row r="299" spans="1:34" s="3" customFormat="1" ht="15" customHeight="1">
      <c r="A299" s="384">
        <v>22</v>
      </c>
      <c r="B299" s="385"/>
      <c r="C299" s="385"/>
      <c r="D299" s="385"/>
      <c r="E299" s="386"/>
      <c r="F299" s="396">
        <v>627</v>
      </c>
      <c r="G299" s="397"/>
      <c r="H299" s="397"/>
      <c r="I299" s="397"/>
      <c r="J299" s="397">
        <v>3</v>
      </c>
      <c r="K299" s="397"/>
      <c r="L299" s="397"/>
      <c r="M299" s="397">
        <v>167</v>
      </c>
      <c r="N299" s="397"/>
      <c r="O299" s="397"/>
      <c r="P299" s="397">
        <v>274</v>
      </c>
      <c r="Q299" s="397"/>
      <c r="R299" s="397"/>
      <c r="S299" s="397">
        <v>113</v>
      </c>
      <c r="T299" s="397"/>
      <c r="U299" s="397"/>
      <c r="V299" s="397">
        <v>44</v>
      </c>
      <c r="W299" s="397"/>
      <c r="X299" s="397"/>
      <c r="Y299" s="878">
        <v>18</v>
      </c>
      <c r="Z299" s="878"/>
      <c r="AA299" s="878"/>
      <c r="AB299" s="397">
        <v>8</v>
      </c>
      <c r="AC299" s="397"/>
      <c r="AD299" s="535"/>
    </row>
    <row r="300" spans="1:34" s="48" customFormat="1" ht="15" customHeight="1">
      <c r="A300" s="331">
        <v>27</v>
      </c>
      <c r="B300" s="332"/>
      <c r="C300" s="332"/>
      <c r="D300" s="332"/>
      <c r="E300" s="333"/>
      <c r="F300" s="397">
        <v>557</v>
      </c>
      <c r="G300" s="397"/>
      <c r="H300" s="397"/>
      <c r="I300" s="397"/>
      <c r="J300" s="295" t="s">
        <v>377</v>
      </c>
      <c r="K300" s="295"/>
      <c r="L300" s="295"/>
      <c r="M300" s="397">
        <v>141</v>
      </c>
      <c r="N300" s="397"/>
      <c r="O300" s="397"/>
      <c r="P300" s="397">
        <v>252</v>
      </c>
      <c r="Q300" s="397"/>
      <c r="R300" s="397"/>
      <c r="S300" s="397">
        <v>108</v>
      </c>
      <c r="T300" s="397"/>
      <c r="U300" s="397"/>
      <c r="V300" s="397">
        <v>33</v>
      </c>
      <c r="W300" s="397"/>
      <c r="X300" s="397"/>
      <c r="Y300" s="316">
        <v>14</v>
      </c>
      <c r="Z300" s="316"/>
      <c r="AA300" s="316"/>
      <c r="AB300" s="397">
        <v>9</v>
      </c>
      <c r="AC300" s="397"/>
      <c r="AD300" s="535"/>
      <c r="AE300" s="3"/>
      <c r="AG300" s="58"/>
    </row>
    <row r="301" spans="1:34" s="2" customFormat="1" ht="15" customHeight="1">
      <c r="A301" s="361" t="s">
        <v>375</v>
      </c>
      <c r="B301" s="362"/>
      <c r="C301" s="362"/>
      <c r="D301" s="362"/>
      <c r="E301" s="363"/>
      <c r="F301" s="530">
        <v>507</v>
      </c>
      <c r="G301" s="315"/>
      <c r="H301" s="315"/>
      <c r="I301" s="315"/>
      <c r="J301" s="803">
        <v>3</v>
      </c>
      <c r="K301" s="803"/>
      <c r="L301" s="803"/>
      <c r="M301" s="315">
        <v>131</v>
      </c>
      <c r="N301" s="315"/>
      <c r="O301" s="315"/>
      <c r="P301" s="315">
        <v>209</v>
      </c>
      <c r="Q301" s="315"/>
      <c r="R301" s="315"/>
      <c r="S301" s="315">
        <v>103</v>
      </c>
      <c r="T301" s="315"/>
      <c r="U301" s="315"/>
      <c r="V301" s="315">
        <v>28</v>
      </c>
      <c r="W301" s="315"/>
      <c r="X301" s="315"/>
      <c r="Y301" s="334">
        <v>21</v>
      </c>
      <c r="Z301" s="334"/>
      <c r="AA301" s="334"/>
      <c r="AB301" s="315">
        <v>12</v>
      </c>
      <c r="AC301" s="315"/>
      <c r="AD301" s="948"/>
      <c r="AE301" s="48"/>
    </row>
    <row r="302" spans="1:34" s="2" customFormat="1" ht="12.95" customHeight="1">
      <c r="A302" s="8" t="s">
        <v>383</v>
      </c>
      <c r="O302" s="43"/>
      <c r="P302" s="43"/>
      <c r="Q302" s="43"/>
      <c r="R302" s="43"/>
      <c r="S302" s="43"/>
      <c r="T302" s="43"/>
      <c r="U302" s="43"/>
      <c r="V302" s="43"/>
      <c r="W302" s="43"/>
      <c r="X302" s="43"/>
      <c r="Y302" s="43"/>
      <c r="Z302" s="43"/>
      <c r="AA302" s="43"/>
      <c r="AB302" s="43"/>
      <c r="AC302" s="43"/>
      <c r="AD302" s="43" t="s">
        <v>302</v>
      </c>
      <c r="AE302" s="43"/>
    </row>
    <row r="303" spans="1:34" s="3" customFormat="1" ht="20.100000000000001" customHeight="1">
      <c r="A303" s="2"/>
      <c r="B303" s="2"/>
      <c r="C303" s="2"/>
      <c r="D303" s="2"/>
      <c r="E303" s="2"/>
      <c r="F303" s="2"/>
      <c r="G303" s="2"/>
      <c r="H303" s="2"/>
      <c r="I303" s="2"/>
      <c r="J303" s="2"/>
      <c r="K303" s="2"/>
      <c r="L303" s="2"/>
      <c r="M303" s="2"/>
      <c r="N303" s="2"/>
      <c r="O303" s="2"/>
      <c r="P303" s="2"/>
      <c r="Q303" s="43"/>
      <c r="R303" s="43"/>
      <c r="S303" s="43"/>
      <c r="T303" s="43"/>
      <c r="U303" s="43"/>
      <c r="V303" s="43"/>
      <c r="W303" s="43"/>
      <c r="X303" s="43"/>
      <c r="Y303" s="43"/>
      <c r="Z303" s="43"/>
      <c r="AA303" s="43"/>
      <c r="AB303" s="43"/>
      <c r="AC303" s="43"/>
      <c r="AD303" s="43"/>
      <c r="AE303" s="43"/>
      <c r="AF303" s="43"/>
      <c r="AG303" s="43"/>
      <c r="AH303" s="2"/>
    </row>
    <row r="304" spans="1:34" s="3" customFormat="1" ht="15.95" customHeight="1">
      <c r="A304" s="60" t="s">
        <v>398</v>
      </c>
    </row>
    <row r="305" spans="1:34" s="3" customFormat="1" ht="20.100000000000001" customHeight="1">
      <c r="B305" s="3" t="s">
        <v>126</v>
      </c>
    </row>
    <row r="306" spans="1:34" s="3" customFormat="1" ht="20.100000000000001" customHeight="1">
      <c r="A306" s="83"/>
      <c r="B306" s="77"/>
      <c r="C306" s="77"/>
      <c r="D306" s="215" t="s">
        <v>38</v>
      </c>
      <c r="E306" s="215"/>
      <c r="F306" s="216"/>
      <c r="G306" s="505" t="s">
        <v>50</v>
      </c>
      <c r="H306" s="506"/>
      <c r="I306" s="506"/>
      <c r="J306" s="506"/>
      <c r="K306" s="506"/>
      <c r="L306" s="507"/>
      <c r="M306" s="885" t="s">
        <v>142</v>
      </c>
      <c r="N306" s="885"/>
      <c r="O306" s="885"/>
      <c r="P306" s="885"/>
      <c r="Q306" s="885"/>
      <c r="R306" s="885"/>
      <c r="S306" s="885"/>
      <c r="T306" s="885"/>
      <c r="U306" s="885"/>
      <c r="V306" s="885"/>
      <c r="W306" s="885"/>
      <c r="X306" s="885"/>
      <c r="Y306" s="885"/>
      <c r="Z306" s="885"/>
      <c r="AA306" s="885"/>
      <c r="AB306" s="885"/>
      <c r="AC306" s="885"/>
      <c r="AD306" s="885"/>
      <c r="AE306" s="885"/>
      <c r="AF306" s="885"/>
      <c r="AG306" s="886"/>
    </row>
    <row r="307" spans="1:34" s="3" customFormat="1" ht="20.100000000000001" customHeight="1">
      <c r="A307" s="157" t="s">
        <v>216</v>
      </c>
      <c r="B307" s="158"/>
      <c r="C307" s="158"/>
      <c r="D307" s="158"/>
      <c r="E307" s="158"/>
      <c r="F307" s="159"/>
      <c r="G307" s="356"/>
      <c r="H307" s="357"/>
      <c r="I307" s="357"/>
      <c r="J307" s="357"/>
      <c r="K307" s="357"/>
      <c r="L307" s="358"/>
      <c r="M307" s="445" t="s">
        <v>143</v>
      </c>
      <c r="N307" s="446"/>
      <c r="O307" s="446"/>
      <c r="P307" s="446"/>
      <c r="Q307" s="446"/>
      <c r="R307" s="447"/>
      <c r="S307" s="419" t="s">
        <v>337</v>
      </c>
      <c r="T307" s="419"/>
      <c r="U307" s="419"/>
      <c r="V307" s="419"/>
      <c r="W307" s="419"/>
      <c r="X307" s="419" t="s">
        <v>330</v>
      </c>
      <c r="Y307" s="419"/>
      <c r="Z307" s="419"/>
      <c r="AA307" s="419"/>
      <c r="AB307" s="419"/>
      <c r="AC307" s="380" t="s">
        <v>321</v>
      </c>
      <c r="AD307" s="380"/>
      <c r="AE307" s="380"/>
      <c r="AF307" s="380"/>
      <c r="AG307" s="380"/>
    </row>
    <row r="308" spans="1:34" s="3" customFormat="1" ht="18.75" customHeight="1">
      <c r="A308" s="393">
        <v>22</v>
      </c>
      <c r="B308" s="394"/>
      <c r="C308" s="394"/>
      <c r="D308" s="394"/>
      <c r="E308" s="394"/>
      <c r="F308" s="395"/>
      <c r="G308" s="396">
        <v>627</v>
      </c>
      <c r="H308" s="397"/>
      <c r="I308" s="397"/>
      <c r="J308" s="397"/>
      <c r="K308" s="397"/>
      <c r="L308" s="397"/>
      <c r="M308" s="504">
        <v>94</v>
      </c>
      <c r="N308" s="504"/>
      <c r="O308" s="504"/>
      <c r="P308" s="504"/>
      <c r="Q308" s="504"/>
      <c r="R308" s="504"/>
      <c r="S308" s="504">
        <v>260</v>
      </c>
      <c r="T308" s="504"/>
      <c r="U308" s="504"/>
      <c r="V308" s="504"/>
      <c r="W308" s="504"/>
      <c r="X308" s="397">
        <v>93</v>
      </c>
      <c r="Y308" s="397"/>
      <c r="Z308" s="397"/>
      <c r="AA308" s="397"/>
      <c r="AB308" s="397"/>
      <c r="AC308" s="415">
        <v>80</v>
      </c>
      <c r="AD308" s="415"/>
      <c r="AE308" s="415"/>
      <c r="AF308" s="415"/>
      <c r="AG308" s="415"/>
    </row>
    <row r="309" spans="1:34" s="48" customFormat="1" ht="18.75" customHeight="1">
      <c r="A309" s="480">
        <v>27</v>
      </c>
      <c r="B309" s="481"/>
      <c r="C309" s="481"/>
      <c r="D309" s="481"/>
      <c r="E309" s="481"/>
      <c r="F309" s="482"/>
      <c r="G309" s="396">
        <v>557</v>
      </c>
      <c r="H309" s="397"/>
      <c r="I309" s="397"/>
      <c r="J309" s="397"/>
      <c r="K309" s="397"/>
      <c r="L309" s="397"/>
      <c r="M309" s="397">
        <v>98</v>
      </c>
      <c r="N309" s="397"/>
      <c r="O309" s="397"/>
      <c r="P309" s="397"/>
      <c r="Q309" s="397"/>
      <c r="R309" s="397"/>
      <c r="S309" s="397">
        <v>238</v>
      </c>
      <c r="T309" s="397"/>
      <c r="U309" s="397"/>
      <c r="V309" s="397"/>
      <c r="W309" s="397"/>
      <c r="X309" s="397">
        <v>92</v>
      </c>
      <c r="Y309" s="397"/>
      <c r="Z309" s="397"/>
      <c r="AA309" s="397"/>
      <c r="AB309" s="397"/>
      <c r="AC309" s="400">
        <v>43</v>
      </c>
      <c r="AD309" s="400"/>
      <c r="AE309" s="400"/>
      <c r="AF309" s="400"/>
      <c r="AG309" s="400"/>
      <c r="AH309" s="3"/>
    </row>
    <row r="310" spans="1:34" s="2" customFormat="1" ht="18.75" customHeight="1">
      <c r="A310" s="336" t="s">
        <v>375</v>
      </c>
      <c r="B310" s="337"/>
      <c r="C310" s="337"/>
      <c r="D310" s="337"/>
      <c r="E310" s="337"/>
      <c r="F310" s="338"/>
      <c r="G310" s="315">
        <v>507</v>
      </c>
      <c r="H310" s="315"/>
      <c r="I310" s="315"/>
      <c r="J310" s="315"/>
      <c r="K310" s="315"/>
      <c r="L310" s="315"/>
      <c r="M310" s="315">
        <v>91</v>
      </c>
      <c r="N310" s="315"/>
      <c r="O310" s="315"/>
      <c r="P310" s="315"/>
      <c r="Q310" s="315"/>
      <c r="R310" s="315"/>
      <c r="S310" s="315">
        <v>196</v>
      </c>
      <c r="T310" s="315"/>
      <c r="U310" s="315"/>
      <c r="V310" s="315"/>
      <c r="W310" s="315"/>
      <c r="X310" s="315">
        <v>95</v>
      </c>
      <c r="Y310" s="315"/>
      <c r="Z310" s="315"/>
      <c r="AA310" s="315"/>
      <c r="AB310" s="315"/>
      <c r="AC310" s="887"/>
      <c r="AD310" s="570"/>
      <c r="AE310" s="570"/>
      <c r="AF310" s="570"/>
      <c r="AG310" s="570"/>
      <c r="AH310" s="48"/>
    </row>
    <row r="311" spans="1:34" s="2" customFormat="1" ht="13.5" customHeight="1">
      <c r="A311" s="8" t="s">
        <v>382</v>
      </c>
      <c r="P311" s="43"/>
      <c r="Q311" s="43"/>
      <c r="R311" s="43"/>
      <c r="S311" s="43"/>
      <c r="T311" s="43"/>
      <c r="U311" s="43"/>
      <c r="V311" s="43"/>
      <c r="W311" s="43"/>
      <c r="X311" s="43"/>
      <c r="Y311" s="43"/>
      <c r="Z311" s="43"/>
      <c r="AA311" s="43"/>
      <c r="AB311" s="43"/>
      <c r="AC311" s="43"/>
      <c r="AD311" s="43"/>
      <c r="AE311" s="43"/>
      <c r="AF311" s="43"/>
      <c r="AG311" s="43"/>
    </row>
    <row r="312" spans="1:34" s="2" customFormat="1" ht="15.95" customHeight="1">
      <c r="A312" s="8" t="s">
        <v>379</v>
      </c>
      <c r="X312" s="43"/>
      <c r="Y312" s="43"/>
      <c r="Z312" s="43"/>
      <c r="AA312" s="43"/>
      <c r="AB312" s="43"/>
      <c r="AC312" s="43"/>
      <c r="AD312" s="43"/>
      <c r="AE312" s="43"/>
      <c r="AF312" s="43"/>
      <c r="AG312" s="43"/>
    </row>
    <row r="313" spans="1:34" s="60" customFormat="1" ht="20.100000000000001" customHeight="1">
      <c r="A313" s="2"/>
      <c r="B313" s="2"/>
      <c r="C313" s="2"/>
      <c r="D313" s="2"/>
      <c r="E313" s="2"/>
      <c r="F313" s="2"/>
      <c r="G313" s="2"/>
      <c r="H313" s="2"/>
      <c r="I313" s="2"/>
      <c r="J313" s="2"/>
      <c r="K313" s="2"/>
      <c r="L313" s="2"/>
      <c r="M313" s="2"/>
      <c r="N313" s="2"/>
      <c r="O313" s="2"/>
      <c r="P313" s="43"/>
      <c r="Q313" s="43"/>
      <c r="R313" s="43"/>
      <c r="S313" s="43"/>
      <c r="T313" s="43"/>
      <c r="U313" s="43"/>
      <c r="V313" s="43"/>
      <c r="W313" s="43"/>
      <c r="X313" s="43"/>
      <c r="Y313" s="43"/>
      <c r="Z313" s="43"/>
      <c r="AA313" s="43"/>
      <c r="AB313" s="43"/>
      <c r="AC313" s="43"/>
      <c r="AD313" s="43"/>
      <c r="AE313" s="43"/>
      <c r="AF313" s="43"/>
      <c r="AG313" s="43"/>
      <c r="AH313" s="2"/>
    </row>
    <row r="314" spans="1:34" s="3" customFormat="1" ht="15.95" customHeight="1">
      <c r="A314" s="60" t="s">
        <v>399</v>
      </c>
      <c r="B314" s="44"/>
      <c r="C314" s="44"/>
      <c r="D314" s="44"/>
      <c r="E314" s="44"/>
      <c r="F314" s="44"/>
      <c r="G314" s="84"/>
      <c r="H314" s="85"/>
      <c r="I314" s="85"/>
      <c r="J314" s="85"/>
      <c r="K314" s="85"/>
      <c r="L314" s="84"/>
      <c r="M314" s="84"/>
      <c r="N314" s="84"/>
      <c r="O314" s="85"/>
      <c r="P314" s="85"/>
      <c r="Q314" s="85"/>
      <c r="R314" s="84"/>
      <c r="S314" s="84"/>
      <c r="T314" s="85"/>
      <c r="U314" s="85"/>
      <c r="V314" s="85"/>
      <c r="W314" s="84"/>
      <c r="X314" s="60"/>
      <c r="Y314" s="85"/>
      <c r="Z314" s="85"/>
      <c r="AA314" s="85"/>
      <c r="AB314" s="60"/>
      <c r="AC314" s="60"/>
      <c r="AD314" s="85"/>
      <c r="AE314" s="85"/>
      <c r="AF314" s="85"/>
      <c r="AG314" s="70"/>
      <c r="AH314" s="60"/>
    </row>
    <row r="315" spans="1:34" s="3" customFormat="1" ht="20.100000000000001" customHeight="1">
      <c r="A315" s="55"/>
      <c r="B315" s="3" t="s">
        <v>126</v>
      </c>
      <c r="C315" s="55"/>
      <c r="D315" s="55"/>
      <c r="E315" s="55"/>
      <c r="F315" s="55"/>
      <c r="G315" s="30"/>
      <c r="H315" s="75"/>
      <c r="I315" s="75"/>
      <c r="J315" s="75"/>
      <c r="K315" s="75"/>
      <c r="L315" s="30"/>
      <c r="M315" s="30"/>
      <c r="N315" s="30"/>
      <c r="O315" s="75"/>
      <c r="P315" s="75"/>
      <c r="Q315" s="75"/>
      <c r="R315" s="30"/>
      <c r="S315" s="30"/>
      <c r="T315" s="75"/>
      <c r="U315" s="75"/>
      <c r="V315" s="75"/>
      <c r="W315" s="30"/>
      <c r="Y315" s="75"/>
      <c r="Z315" s="75"/>
      <c r="AA315" s="75"/>
      <c r="AD315" s="75"/>
      <c r="AE315" s="75"/>
      <c r="AF315" s="75"/>
      <c r="AG315" s="54"/>
    </row>
    <row r="316" spans="1:34" s="3" customFormat="1" ht="20.100000000000001" customHeight="1">
      <c r="A316" s="86"/>
      <c r="B316" s="77"/>
      <c r="C316" s="59"/>
      <c r="D316" s="215" t="s">
        <v>38</v>
      </c>
      <c r="E316" s="216"/>
      <c r="F316" s="398" t="s">
        <v>50</v>
      </c>
      <c r="G316" s="398"/>
      <c r="H316" s="398"/>
      <c r="I316" s="398"/>
      <c r="J316" s="409" t="s">
        <v>200</v>
      </c>
      <c r="K316" s="409"/>
      <c r="L316" s="409"/>
      <c r="M316" s="409"/>
      <c r="N316" s="398" t="s">
        <v>144</v>
      </c>
      <c r="O316" s="398"/>
      <c r="P316" s="398"/>
      <c r="Q316" s="398"/>
      <c r="R316" s="521" t="s">
        <v>304</v>
      </c>
      <c r="S316" s="522"/>
      <c r="T316" s="522"/>
      <c r="U316" s="523"/>
      <c r="V316" s="515" t="s">
        <v>201</v>
      </c>
      <c r="W316" s="516"/>
      <c r="X316" s="516"/>
      <c r="Y316" s="517"/>
      <c r="Z316" s="949" t="s">
        <v>6</v>
      </c>
      <c r="AA316" s="949"/>
      <c r="AB316" s="949"/>
      <c r="AC316" s="949"/>
      <c r="AD316" s="949"/>
      <c r="AE316" s="949"/>
      <c r="AF316" s="949"/>
      <c r="AG316" s="949"/>
    </row>
    <row r="317" spans="1:34" s="3" customFormat="1" ht="20.100000000000001" customHeight="1">
      <c r="A317" s="157" t="s">
        <v>169</v>
      </c>
      <c r="B317" s="158"/>
      <c r="C317" s="158"/>
      <c r="D317" s="158"/>
      <c r="E317" s="159"/>
      <c r="F317" s="399"/>
      <c r="G317" s="399"/>
      <c r="H317" s="399"/>
      <c r="I317" s="399"/>
      <c r="J317" s="410"/>
      <c r="K317" s="410"/>
      <c r="L317" s="410"/>
      <c r="M317" s="410"/>
      <c r="N317" s="399"/>
      <c r="O317" s="399"/>
      <c r="P317" s="399"/>
      <c r="Q317" s="399"/>
      <c r="R317" s="364"/>
      <c r="S317" s="365"/>
      <c r="T317" s="365"/>
      <c r="U317" s="524"/>
      <c r="V317" s="518"/>
      <c r="W317" s="519"/>
      <c r="X317" s="519"/>
      <c r="Y317" s="520"/>
      <c r="Z317" s="145" t="s">
        <v>34</v>
      </c>
      <c r="AA317" s="146"/>
      <c r="AB317" s="146"/>
      <c r="AC317" s="147"/>
      <c r="AD317" s="950" t="s">
        <v>35</v>
      </c>
      <c r="AE317" s="950"/>
      <c r="AF317" s="950"/>
      <c r="AG317" s="950"/>
    </row>
    <row r="318" spans="1:34" s="48" customFormat="1" ht="18.75" customHeight="1">
      <c r="A318" s="384">
        <v>22</v>
      </c>
      <c r="B318" s="385"/>
      <c r="C318" s="385"/>
      <c r="D318" s="385"/>
      <c r="E318" s="386"/>
      <c r="F318" s="317">
        <v>533</v>
      </c>
      <c r="G318" s="316"/>
      <c r="H318" s="316"/>
      <c r="I318" s="316"/>
      <c r="J318" s="316">
        <v>395</v>
      </c>
      <c r="K318" s="316"/>
      <c r="L318" s="316"/>
      <c r="M318" s="316"/>
      <c r="N318" s="400" t="s">
        <v>152</v>
      </c>
      <c r="O318" s="400"/>
      <c r="P318" s="400"/>
      <c r="Q318" s="400"/>
      <c r="R318" s="316">
        <v>1</v>
      </c>
      <c r="S318" s="316"/>
      <c r="T318" s="316"/>
      <c r="U318" s="316"/>
      <c r="V318" s="316">
        <v>28</v>
      </c>
      <c r="W318" s="316"/>
      <c r="X318" s="316"/>
      <c r="Y318" s="316"/>
      <c r="Z318" s="316">
        <v>84</v>
      </c>
      <c r="AA318" s="316"/>
      <c r="AB318" s="316"/>
      <c r="AC318" s="316"/>
      <c r="AD318" s="316">
        <v>11</v>
      </c>
      <c r="AE318" s="316"/>
      <c r="AF318" s="316"/>
      <c r="AG318" s="316"/>
      <c r="AH318" s="3"/>
    </row>
    <row r="319" spans="1:34" s="3" customFormat="1" ht="18.75" customHeight="1">
      <c r="A319" s="331">
        <v>27</v>
      </c>
      <c r="B319" s="332"/>
      <c r="C319" s="332"/>
      <c r="D319" s="332"/>
      <c r="E319" s="333"/>
      <c r="F319" s="316">
        <v>459</v>
      </c>
      <c r="G319" s="316"/>
      <c r="H319" s="316"/>
      <c r="I319" s="316"/>
      <c r="J319" s="316">
        <v>326</v>
      </c>
      <c r="K319" s="316"/>
      <c r="L319" s="316"/>
      <c r="M319" s="316"/>
      <c r="N319" s="400" t="s">
        <v>152</v>
      </c>
      <c r="O319" s="400"/>
      <c r="P319" s="400"/>
      <c r="Q319" s="400"/>
      <c r="R319" s="316">
        <v>5</v>
      </c>
      <c r="S319" s="316"/>
      <c r="T319" s="316"/>
      <c r="U319" s="316"/>
      <c r="V319" s="316">
        <v>22</v>
      </c>
      <c r="W319" s="316"/>
      <c r="X319" s="316"/>
      <c r="Y319" s="316"/>
      <c r="Z319" s="316">
        <v>85</v>
      </c>
      <c r="AA319" s="316"/>
      <c r="AB319" s="316"/>
      <c r="AC319" s="316"/>
      <c r="AD319" s="316">
        <v>10</v>
      </c>
      <c r="AE319" s="316"/>
      <c r="AF319" s="316"/>
      <c r="AG319" s="316"/>
      <c r="AH319" s="48"/>
    </row>
    <row r="320" spans="1:34" s="2" customFormat="1" ht="18.75" customHeight="1">
      <c r="A320" s="361" t="s">
        <v>375</v>
      </c>
      <c r="B320" s="362"/>
      <c r="C320" s="362"/>
      <c r="D320" s="362"/>
      <c r="E320" s="363"/>
      <c r="F320" s="389">
        <v>416</v>
      </c>
      <c r="G320" s="334"/>
      <c r="H320" s="334"/>
      <c r="I320" s="334"/>
      <c r="J320" s="334">
        <v>308</v>
      </c>
      <c r="K320" s="334"/>
      <c r="L320" s="334"/>
      <c r="M320" s="334"/>
      <c r="N320" s="392" t="s">
        <v>380</v>
      </c>
      <c r="O320" s="392"/>
      <c r="P320" s="392"/>
      <c r="Q320" s="392"/>
      <c r="R320" s="334">
        <v>7</v>
      </c>
      <c r="S320" s="334"/>
      <c r="T320" s="334"/>
      <c r="U320" s="334"/>
      <c r="V320" s="334">
        <v>22</v>
      </c>
      <c r="W320" s="334"/>
      <c r="X320" s="334"/>
      <c r="Y320" s="334"/>
      <c r="Z320" s="334">
        <v>65</v>
      </c>
      <c r="AA320" s="334"/>
      <c r="AB320" s="334"/>
      <c r="AC320" s="334"/>
      <c r="AD320" s="334">
        <v>6</v>
      </c>
      <c r="AE320" s="334"/>
      <c r="AF320" s="334"/>
      <c r="AG320" s="334"/>
      <c r="AH320" s="3"/>
    </row>
    <row r="321" spans="1:34" s="3" customFormat="1" ht="15.95" customHeight="1">
      <c r="A321" s="8" t="s">
        <v>381</v>
      </c>
      <c r="B321" s="2"/>
      <c r="C321" s="2"/>
      <c r="D321" s="2"/>
      <c r="E321" s="2"/>
      <c r="F321" s="2"/>
      <c r="G321" s="2"/>
      <c r="H321" s="2"/>
      <c r="I321" s="2"/>
      <c r="J321" s="2"/>
      <c r="K321" s="2"/>
      <c r="L321" s="2"/>
      <c r="M321" s="2"/>
      <c r="N321" s="2"/>
      <c r="O321" s="2"/>
      <c r="P321" s="43"/>
      <c r="Q321" s="43"/>
      <c r="R321" s="43"/>
      <c r="S321" s="43"/>
      <c r="T321" s="43"/>
      <c r="U321" s="43"/>
      <c r="V321" s="43"/>
      <c r="W321" s="43"/>
      <c r="X321" s="43"/>
      <c r="Y321" s="43"/>
      <c r="Z321" s="43"/>
      <c r="AA321" s="43"/>
      <c r="AB321" s="43"/>
      <c r="AC321" s="43"/>
      <c r="AD321" s="43"/>
      <c r="AE321" s="43"/>
      <c r="AF321" s="43"/>
      <c r="AG321" s="43"/>
      <c r="AH321" s="2"/>
    </row>
    <row r="322" spans="1:34" s="3" customFormat="1" ht="20.100000000000001" customHeight="1">
      <c r="A322" s="2"/>
      <c r="B322" s="2"/>
      <c r="C322" s="37"/>
      <c r="D322" s="37"/>
      <c r="E322" s="37"/>
      <c r="F322" s="37"/>
      <c r="G322" s="37"/>
      <c r="H322" s="37"/>
      <c r="I322" s="37"/>
      <c r="J322" s="37"/>
      <c r="K322" s="37"/>
      <c r="L322" s="37"/>
      <c r="M322" s="37"/>
      <c r="N322" s="37"/>
      <c r="O322" s="37"/>
      <c r="P322" s="37"/>
      <c r="Q322" s="37"/>
      <c r="R322" s="37"/>
      <c r="S322" s="37"/>
      <c r="T322" s="37"/>
      <c r="U322" s="37"/>
      <c r="V322" s="37"/>
      <c r="W322" s="37"/>
      <c r="X322" s="37"/>
      <c r="Y322" s="37"/>
      <c r="Z322" s="37"/>
      <c r="AA322" s="37"/>
      <c r="AB322" s="37"/>
      <c r="AC322" s="37"/>
      <c r="AD322" s="37"/>
      <c r="AE322" s="37"/>
      <c r="AF322" s="37"/>
      <c r="AG322" s="37"/>
    </row>
    <row r="323" spans="1:34" s="3" customFormat="1" ht="15.95" customHeight="1">
      <c r="A323" s="60" t="s">
        <v>400</v>
      </c>
      <c r="Y323" s="75"/>
      <c r="Z323" s="75"/>
      <c r="AA323" s="75"/>
      <c r="AD323" s="75"/>
      <c r="AE323" s="75"/>
      <c r="AF323" s="75"/>
      <c r="AG323" s="54"/>
    </row>
    <row r="324" spans="1:34" s="3" customFormat="1" ht="20.100000000000001" customHeight="1">
      <c r="B324" s="3" t="s">
        <v>126</v>
      </c>
      <c r="Y324" s="75"/>
      <c r="Z324" s="75"/>
      <c r="AA324" s="75"/>
      <c r="AD324" s="75"/>
      <c r="AE324" s="75"/>
      <c r="AF324" s="75"/>
      <c r="AG324" s="54"/>
    </row>
    <row r="325" spans="1:34" s="3" customFormat="1" ht="20.100000000000001" customHeight="1">
      <c r="A325" s="83"/>
      <c r="B325" s="77"/>
      <c r="C325" s="77"/>
      <c r="D325" s="77"/>
      <c r="E325" s="76" t="s">
        <v>38</v>
      </c>
      <c r="F325" s="390" t="s">
        <v>50</v>
      </c>
      <c r="G325" s="387"/>
      <c r="H325" s="387"/>
      <c r="I325" s="387"/>
      <c r="J325" s="387" t="s">
        <v>146</v>
      </c>
      <c r="K325" s="387"/>
      <c r="L325" s="387"/>
      <c r="M325" s="387"/>
      <c r="N325" s="387" t="s">
        <v>202</v>
      </c>
      <c r="O325" s="387"/>
      <c r="P325" s="387"/>
      <c r="Q325" s="387"/>
      <c r="R325" s="387" t="s">
        <v>203</v>
      </c>
      <c r="S325" s="387"/>
      <c r="T325" s="387"/>
      <c r="U325" s="387"/>
      <c r="V325" s="387" t="s">
        <v>147</v>
      </c>
      <c r="W325" s="387"/>
      <c r="X325" s="387"/>
      <c r="Y325" s="387"/>
      <c r="Z325" s="387" t="s">
        <v>204</v>
      </c>
      <c r="AA325" s="387"/>
      <c r="AB325" s="387"/>
      <c r="AC325" s="387"/>
      <c r="AD325" s="511" t="s">
        <v>165</v>
      </c>
      <c r="AE325" s="511"/>
      <c r="AF325" s="511"/>
      <c r="AG325" s="511"/>
    </row>
    <row r="326" spans="1:34" s="3" customFormat="1" ht="20.100000000000001" customHeight="1">
      <c r="A326" s="82" t="s">
        <v>169</v>
      </c>
      <c r="B326" s="79"/>
      <c r="C326" s="79"/>
      <c r="D326" s="79"/>
      <c r="E326" s="80"/>
      <c r="F326" s="391"/>
      <c r="G326" s="388"/>
      <c r="H326" s="388"/>
      <c r="I326" s="388"/>
      <c r="J326" s="388"/>
      <c r="K326" s="388"/>
      <c r="L326" s="388"/>
      <c r="M326" s="388"/>
      <c r="N326" s="388"/>
      <c r="O326" s="388"/>
      <c r="P326" s="388"/>
      <c r="Q326" s="388"/>
      <c r="R326" s="388"/>
      <c r="S326" s="388"/>
      <c r="T326" s="388"/>
      <c r="U326" s="388"/>
      <c r="V326" s="388"/>
      <c r="W326" s="388"/>
      <c r="X326" s="388"/>
      <c r="Y326" s="388"/>
      <c r="Z326" s="388"/>
      <c r="AA326" s="388"/>
      <c r="AB326" s="388"/>
      <c r="AC326" s="388"/>
      <c r="AD326" s="512"/>
      <c r="AE326" s="512"/>
      <c r="AF326" s="512"/>
      <c r="AG326" s="512"/>
    </row>
    <row r="327" spans="1:34" s="3" customFormat="1" ht="18.75" customHeight="1">
      <c r="A327" s="384">
        <v>22</v>
      </c>
      <c r="B327" s="385"/>
      <c r="C327" s="385"/>
      <c r="D327" s="385"/>
      <c r="E327" s="386"/>
      <c r="F327" s="436" t="s">
        <v>344</v>
      </c>
      <c r="G327" s="400"/>
      <c r="H327" s="400"/>
      <c r="I327" s="400"/>
      <c r="J327" s="400" t="s">
        <v>344</v>
      </c>
      <c r="K327" s="400"/>
      <c r="L327" s="400"/>
      <c r="M327" s="400"/>
      <c r="N327" s="400" t="s">
        <v>177</v>
      </c>
      <c r="O327" s="400"/>
      <c r="P327" s="400"/>
      <c r="Q327" s="400"/>
      <c r="R327" s="400">
        <v>15</v>
      </c>
      <c r="S327" s="400"/>
      <c r="T327" s="400"/>
      <c r="U327" s="400"/>
      <c r="V327" s="400">
        <v>151</v>
      </c>
      <c r="W327" s="400"/>
      <c r="X327" s="400"/>
      <c r="Y327" s="400"/>
      <c r="Z327" s="400">
        <v>322</v>
      </c>
      <c r="AA327" s="400"/>
      <c r="AB327" s="400"/>
      <c r="AC327" s="400"/>
      <c r="AD327" s="400">
        <v>2184</v>
      </c>
      <c r="AE327" s="400"/>
      <c r="AF327" s="400"/>
      <c r="AG327" s="400"/>
    </row>
    <row r="328" spans="1:34" s="3" customFormat="1" ht="18.75" customHeight="1">
      <c r="A328" s="331">
        <v>27</v>
      </c>
      <c r="B328" s="332"/>
      <c r="C328" s="332"/>
      <c r="D328" s="332"/>
      <c r="E328" s="333"/>
      <c r="F328" s="400" t="s">
        <v>344</v>
      </c>
      <c r="G328" s="400"/>
      <c r="H328" s="400"/>
      <c r="I328" s="400"/>
      <c r="J328" s="400">
        <v>28402</v>
      </c>
      <c r="K328" s="400"/>
      <c r="L328" s="400"/>
      <c r="M328" s="400"/>
      <c r="N328" s="400" t="s">
        <v>344</v>
      </c>
      <c r="O328" s="400"/>
      <c r="P328" s="400"/>
      <c r="Q328" s="400"/>
      <c r="R328" s="400" t="s">
        <v>344</v>
      </c>
      <c r="S328" s="400"/>
      <c r="T328" s="400"/>
      <c r="U328" s="400"/>
      <c r="V328" s="400">
        <v>74</v>
      </c>
      <c r="W328" s="400"/>
      <c r="X328" s="400"/>
      <c r="Y328" s="400"/>
      <c r="Z328" s="400">
        <v>136</v>
      </c>
      <c r="AA328" s="400"/>
      <c r="AB328" s="400"/>
      <c r="AC328" s="400"/>
      <c r="AD328" s="400">
        <v>1739</v>
      </c>
      <c r="AE328" s="400"/>
      <c r="AF328" s="400"/>
      <c r="AG328" s="400"/>
    </row>
    <row r="329" spans="1:34" s="2" customFormat="1" ht="18.75" customHeight="1">
      <c r="A329" s="361" t="s">
        <v>375</v>
      </c>
      <c r="B329" s="362"/>
      <c r="C329" s="362"/>
      <c r="D329" s="362"/>
      <c r="E329" s="363"/>
      <c r="F329" s="392" t="s">
        <v>344</v>
      </c>
      <c r="G329" s="392"/>
      <c r="H329" s="392"/>
      <c r="I329" s="392"/>
      <c r="J329" s="392">
        <v>33396</v>
      </c>
      <c r="K329" s="392"/>
      <c r="L329" s="392"/>
      <c r="M329" s="392"/>
      <c r="N329" s="392" t="s">
        <v>387</v>
      </c>
      <c r="O329" s="392"/>
      <c r="P329" s="392"/>
      <c r="Q329" s="392"/>
      <c r="R329" s="392" t="s">
        <v>344</v>
      </c>
      <c r="S329" s="392"/>
      <c r="T329" s="392"/>
      <c r="U329" s="392"/>
      <c r="V329" s="392" t="s">
        <v>344</v>
      </c>
      <c r="W329" s="392"/>
      <c r="X329" s="392"/>
      <c r="Y329" s="392"/>
      <c r="Z329" s="392" t="s">
        <v>344</v>
      </c>
      <c r="AA329" s="392"/>
      <c r="AB329" s="392"/>
      <c r="AC329" s="392"/>
      <c r="AD329" s="392" t="s">
        <v>388</v>
      </c>
      <c r="AE329" s="392"/>
      <c r="AF329" s="392"/>
      <c r="AG329" s="392"/>
      <c r="AH329" s="3"/>
    </row>
    <row r="330" spans="1:34" s="3" customFormat="1" ht="13.5" customHeight="1">
      <c r="A330" s="8" t="s">
        <v>381</v>
      </c>
      <c r="B330" s="2"/>
      <c r="C330" s="2"/>
      <c r="D330" s="2"/>
      <c r="E330" s="2"/>
      <c r="F330" s="2"/>
      <c r="G330" s="2"/>
      <c r="H330" s="2"/>
      <c r="I330" s="2"/>
      <c r="J330" s="2"/>
      <c r="K330" s="2"/>
      <c r="L330" s="2"/>
      <c r="M330" s="2"/>
      <c r="N330" s="2"/>
      <c r="O330" s="2"/>
      <c r="P330" s="43"/>
      <c r="Q330" s="43"/>
      <c r="R330" s="43"/>
      <c r="S330" s="43"/>
      <c r="T330" s="43"/>
      <c r="U330" s="43"/>
      <c r="V330" s="43"/>
      <c r="W330" s="43"/>
      <c r="X330" s="43"/>
      <c r="Y330" s="43"/>
      <c r="Z330" s="43"/>
      <c r="AA330" s="43"/>
      <c r="AB330" s="43"/>
      <c r="AC330" s="43"/>
      <c r="AD330" s="43"/>
      <c r="AE330" s="43"/>
      <c r="AF330" s="43"/>
      <c r="AG330" s="43"/>
      <c r="AH330" s="2"/>
    </row>
    <row r="331" spans="1:34" s="3" customFormat="1" ht="15.95" customHeight="1">
      <c r="A331" s="41" t="s">
        <v>156</v>
      </c>
      <c r="B331" s="87"/>
      <c r="C331" s="87"/>
      <c r="D331" s="87"/>
      <c r="E331" s="87"/>
      <c r="F331" s="87"/>
      <c r="G331" s="87"/>
      <c r="H331" s="87"/>
      <c r="I331" s="87"/>
      <c r="J331" s="87"/>
      <c r="K331" s="87"/>
      <c r="L331" s="87"/>
      <c r="M331" s="87"/>
      <c r="N331" s="87"/>
      <c r="O331" s="87"/>
      <c r="P331" s="87"/>
      <c r="Q331" s="87"/>
      <c r="R331" s="87"/>
      <c r="S331" s="87"/>
      <c r="T331" s="87"/>
      <c r="U331" s="87"/>
      <c r="V331" s="87"/>
      <c r="W331" s="87"/>
      <c r="X331" s="87"/>
      <c r="Y331" s="87"/>
      <c r="Z331" s="87"/>
      <c r="AA331" s="87"/>
      <c r="AB331" s="87"/>
      <c r="AC331" s="87"/>
      <c r="AD331" s="87"/>
      <c r="AE331" s="87"/>
      <c r="AF331" s="87"/>
      <c r="AG331" s="87"/>
    </row>
    <row r="332" spans="1:34" s="3" customFormat="1" ht="20.100000000000001" customHeight="1">
      <c r="A332" s="2"/>
      <c r="B332" s="2"/>
      <c r="C332" s="37"/>
      <c r="D332" s="37"/>
      <c r="E332" s="37"/>
      <c r="F332" s="37"/>
      <c r="G332" s="37"/>
      <c r="H332" s="37"/>
      <c r="I332" s="37"/>
      <c r="J332" s="37"/>
      <c r="K332" s="37"/>
      <c r="L332" s="37"/>
      <c r="M332" s="37"/>
      <c r="N332" s="37"/>
      <c r="O332" s="37"/>
      <c r="P332" s="37"/>
      <c r="Q332" s="37"/>
      <c r="R332" s="37"/>
      <c r="S332" s="37"/>
      <c r="T332" s="37"/>
      <c r="U332" s="37"/>
      <c r="V332" s="37"/>
      <c r="W332" s="37"/>
      <c r="X332" s="37"/>
      <c r="Y332" s="37"/>
      <c r="Z332" s="37"/>
      <c r="AA332" s="37"/>
      <c r="AB332" s="37"/>
      <c r="AC332" s="37"/>
      <c r="AD332" s="37"/>
      <c r="AE332" s="37"/>
      <c r="AF332" s="37"/>
      <c r="AG332" s="37"/>
    </row>
    <row r="333" spans="1:34" s="3" customFormat="1" ht="15.95" customHeight="1">
      <c r="A333" s="60" t="s">
        <v>401</v>
      </c>
      <c r="Y333" s="75"/>
      <c r="Z333" s="75"/>
      <c r="AA333" s="75"/>
      <c r="AD333" s="75"/>
      <c r="AE333" s="75"/>
      <c r="AF333" s="75"/>
      <c r="AG333" s="54"/>
    </row>
    <row r="334" spans="1:34" s="3" customFormat="1" ht="20.100000000000001" customHeight="1">
      <c r="B334" s="3" t="s">
        <v>126</v>
      </c>
      <c r="Y334" s="75"/>
      <c r="Z334" s="75"/>
      <c r="AA334" s="75"/>
      <c r="AD334" s="75"/>
      <c r="AE334" s="75"/>
      <c r="AF334" s="75"/>
      <c r="AG334" s="54"/>
    </row>
    <row r="335" spans="1:34" s="3" customFormat="1" ht="20.100000000000001" customHeight="1">
      <c r="A335" s="83"/>
      <c r="B335" s="77"/>
      <c r="C335" s="77"/>
      <c r="D335" s="77"/>
      <c r="E335" s="76" t="s">
        <v>38</v>
      </c>
      <c r="F335" s="403" t="s">
        <v>148</v>
      </c>
      <c r="G335" s="404"/>
      <c r="H335" s="404"/>
      <c r="I335" s="500"/>
      <c r="J335" s="409" t="s">
        <v>149</v>
      </c>
      <c r="K335" s="409"/>
      <c r="L335" s="409"/>
      <c r="M335" s="409"/>
      <c r="N335" s="409"/>
      <c r="O335" s="409"/>
      <c r="P335" s="409"/>
      <c r="Q335" s="409"/>
      <c r="R335" s="409" t="s">
        <v>150</v>
      </c>
      <c r="S335" s="409"/>
      <c r="T335" s="409"/>
      <c r="U335" s="409"/>
      <c r="V335" s="451" t="s">
        <v>217</v>
      </c>
      <c r="W335" s="452"/>
      <c r="X335" s="452"/>
      <c r="Y335" s="452"/>
      <c r="Z335" s="452"/>
      <c r="AA335" s="452"/>
      <c r="AB335" s="452"/>
      <c r="AC335" s="452"/>
      <c r="AD335" s="452"/>
      <c r="AE335" s="452"/>
      <c r="AF335" s="452"/>
      <c r="AG335" s="453"/>
    </row>
    <row r="336" spans="1:34" s="3" customFormat="1" ht="20.100000000000001" customHeight="1">
      <c r="A336" s="51"/>
      <c r="B336" s="2"/>
      <c r="C336" s="2"/>
      <c r="D336" s="2"/>
      <c r="E336" s="52"/>
      <c r="F336" s="406"/>
      <c r="G336" s="281"/>
      <c r="H336" s="281"/>
      <c r="I336" s="282"/>
      <c r="J336" s="410" t="s">
        <v>0</v>
      </c>
      <c r="K336" s="410"/>
      <c r="L336" s="410"/>
      <c r="M336" s="410"/>
      <c r="N336" s="437" t="s">
        <v>306</v>
      </c>
      <c r="O336" s="438"/>
      <c r="P336" s="438"/>
      <c r="Q336" s="438"/>
      <c r="R336" s="448"/>
      <c r="S336" s="448"/>
      <c r="T336" s="448"/>
      <c r="U336" s="448"/>
      <c r="V336" s="448" t="s">
        <v>1</v>
      </c>
      <c r="W336" s="448"/>
      <c r="X336" s="448"/>
      <c r="Y336" s="448"/>
      <c r="Z336" s="513" t="s">
        <v>2</v>
      </c>
      <c r="AA336" s="513"/>
      <c r="AB336" s="513"/>
      <c r="AC336" s="513"/>
      <c r="AD336" s="882" t="s">
        <v>185</v>
      </c>
      <c r="AE336" s="882"/>
      <c r="AF336" s="882"/>
      <c r="AG336" s="882"/>
    </row>
    <row r="337" spans="1:34" s="3" customFormat="1" ht="20.100000000000001" customHeight="1">
      <c r="A337" s="82" t="s">
        <v>169</v>
      </c>
      <c r="B337" s="79"/>
      <c r="C337" s="79"/>
      <c r="D337" s="79"/>
      <c r="E337" s="80"/>
      <c r="F337" s="443" t="s">
        <v>3</v>
      </c>
      <c r="G337" s="443"/>
      <c r="H337" s="443"/>
      <c r="I337" s="443"/>
      <c r="J337" s="419" t="s">
        <v>3</v>
      </c>
      <c r="K337" s="419"/>
      <c r="L337" s="419"/>
      <c r="M337" s="419"/>
      <c r="N337" s="438"/>
      <c r="O337" s="438"/>
      <c r="P337" s="438"/>
      <c r="Q337" s="438"/>
      <c r="R337" s="443" t="s">
        <v>3</v>
      </c>
      <c r="S337" s="443"/>
      <c r="T337" s="443"/>
      <c r="U337" s="443"/>
      <c r="V337" s="892" t="s">
        <v>4</v>
      </c>
      <c r="W337" s="892"/>
      <c r="X337" s="892"/>
      <c r="Y337" s="892"/>
      <c r="Z337" s="443" t="s">
        <v>4</v>
      </c>
      <c r="AA337" s="443"/>
      <c r="AB337" s="443"/>
      <c r="AC337" s="443"/>
      <c r="AD337" s="443" t="s">
        <v>4</v>
      </c>
      <c r="AE337" s="443"/>
      <c r="AF337" s="443"/>
      <c r="AG337" s="443"/>
    </row>
    <row r="338" spans="1:34" s="3" customFormat="1" ht="20.100000000000001" customHeight="1">
      <c r="A338" s="420">
        <v>4</v>
      </c>
      <c r="B338" s="421"/>
      <c r="C338" s="421"/>
      <c r="D338" s="421"/>
      <c r="E338" s="422"/>
      <c r="F338" s="436" t="s">
        <v>152</v>
      </c>
      <c r="G338" s="400"/>
      <c r="H338" s="400"/>
      <c r="I338" s="400"/>
      <c r="J338" s="400" t="s">
        <v>152</v>
      </c>
      <c r="K338" s="400"/>
      <c r="L338" s="400"/>
      <c r="M338" s="400"/>
      <c r="N338" s="400" t="s">
        <v>152</v>
      </c>
      <c r="O338" s="400"/>
      <c r="P338" s="400"/>
      <c r="Q338" s="400"/>
      <c r="R338" s="400">
        <v>13</v>
      </c>
      <c r="S338" s="400"/>
      <c r="T338" s="400"/>
      <c r="U338" s="400"/>
      <c r="V338" s="400" t="s">
        <v>152</v>
      </c>
      <c r="W338" s="400"/>
      <c r="X338" s="400"/>
      <c r="Y338" s="400"/>
      <c r="Z338" s="415">
        <v>82</v>
      </c>
      <c r="AA338" s="415"/>
      <c r="AB338" s="415"/>
      <c r="AC338" s="415"/>
      <c r="AD338" s="400" t="s">
        <v>152</v>
      </c>
      <c r="AE338" s="400"/>
      <c r="AF338" s="400"/>
      <c r="AG338" s="400"/>
    </row>
    <row r="339" spans="1:34" s="3" customFormat="1" ht="20.100000000000001" customHeight="1">
      <c r="A339" s="331">
        <v>5</v>
      </c>
      <c r="B339" s="332"/>
      <c r="C339" s="332"/>
      <c r="D339" s="332"/>
      <c r="E339" s="333"/>
      <c r="F339" s="436" t="s">
        <v>152</v>
      </c>
      <c r="G339" s="400"/>
      <c r="H339" s="400"/>
      <c r="I339" s="400"/>
      <c r="J339" s="400" t="s">
        <v>152</v>
      </c>
      <c r="K339" s="400"/>
      <c r="L339" s="400"/>
      <c r="M339" s="400"/>
      <c r="N339" s="400" t="s">
        <v>152</v>
      </c>
      <c r="O339" s="400"/>
      <c r="P339" s="400"/>
      <c r="Q339" s="400"/>
      <c r="R339" s="400">
        <v>12</v>
      </c>
      <c r="S339" s="400"/>
      <c r="T339" s="400"/>
      <c r="U339" s="400"/>
      <c r="V339" s="400" t="s">
        <v>152</v>
      </c>
      <c r="W339" s="400"/>
      <c r="X339" s="400"/>
      <c r="Y339" s="400"/>
      <c r="Z339" s="400">
        <v>66</v>
      </c>
      <c r="AA339" s="400"/>
      <c r="AB339" s="400"/>
      <c r="AC339" s="400"/>
      <c r="AD339" s="400" t="s">
        <v>152</v>
      </c>
      <c r="AE339" s="400"/>
      <c r="AF339" s="400"/>
      <c r="AG339" s="400"/>
    </row>
    <row r="340" spans="1:34" s="3" customFormat="1" ht="20.100000000000001" customHeight="1">
      <c r="A340" s="361">
        <v>6</v>
      </c>
      <c r="B340" s="362"/>
      <c r="C340" s="362"/>
      <c r="D340" s="362"/>
      <c r="E340" s="363"/>
      <c r="F340" s="450" t="s">
        <v>364</v>
      </c>
      <c r="G340" s="449"/>
      <c r="H340" s="449"/>
      <c r="I340" s="449"/>
      <c r="J340" s="449" t="s">
        <v>364</v>
      </c>
      <c r="K340" s="449"/>
      <c r="L340" s="449"/>
      <c r="M340" s="449"/>
      <c r="N340" s="449" t="s">
        <v>364</v>
      </c>
      <c r="O340" s="449"/>
      <c r="P340" s="449"/>
      <c r="Q340" s="449"/>
      <c r="R340" s="449">
        <v>16</v>
      </c>
      <c r="S340" s="449"/>
      <c r="T340" s="449"/>
      <c r="U340" s="449"/>
      <c r="V340" s="449" t="s">
        <v>364</v>
      </c>
      <c r="W340" s="449"/>
      <c r="X340" s="449"/>
      <c r="Y340" s="449"/>
      <c r="Z340" s="449">
        <v>52</v>
      </c>
      <c r="AA340" s="449"/>
      <c r="AB340" s="449"/>
      <c r="AC340" s="449"/>
      <c r="AD340" s="449" t="s">
        <v>364</v>
      </c>
      <c r="AE340" s="449"/>
      <c r="AF340" s="449"/>
      <c r="AG340" s="449"/>
    </row>
    <row r="341" spans="1:34" s="3" customFormat="1" ht="20.100000000000001" customHeight="1">
      <c r="A341" s="94"/>
      <c r="B341" s="94"/>
      <c r="C341" s="95"/>
      <c r="D341" s="95"/>
      <c r="E341" s="96"/>
      <c r="F341" s="97"/>
      <c r="G341" s="97"/>
      <c r="H341" s="97"/>
      <c r="I341" s="97"/>
      <c r="J341" s="98"/>
      <c r="K341" s="98"/>
      <c r="L341" s="98"/>
      <c r="M341" s="98"/>
      <c r="N341" s="98"/>
      <c r="O341" s="98"/>
      <c r="P341" s="98"/>
      <c r="Q341" s="98"/>
      <c r="R341" s="97"/>
      <c r="S341" s="97"/>
      <c r="T341" s="97"/>
      <c r="U341" s="97"/>
      <c r="V341" s="98"/>
      <c r="W341" s="98"/>
      <c r="X341" s="98"/>
      <c r="Y341" s="98"/>
      <c r="Z341" s="98"/>
      <c r="AA341" s="98"/>
      <c r="AB341" s="98"/>
      <c r="AC341" s="98"/>
      <c r="AD341" s="98"/>
      <c r="AE341" s="98"/>
      <c r="AF341" s="98"/>
      <c r="AG341" s="98"/>
    </row>
    <row r="342" spans="1:34" s="3" customFormat="1" ht="15.95" customHeight="1">
      <c r="A342" s="55"/>
      <c r="B342" s="55"/>
      <c r="C342" s="55"/>
      <c r="D342" s="55"/>
      <c r="E342" s="55"/>
      <c r="F342" s="55"/>
      <c r="G342" s="30"/>
      <c r="H342" s="75"/>
      <c r="K342" s="30"/>
      <c r="AD342" s="75"/>
      <c r="AE342" s="75"/>
      <c r="AF342" s="75"/>
      <c r="AG342" s="54"/>
    </row>
    <row r="343" spans="1:34" s="3" customFormat="1" ht="20.100000000000001" customHeight="1">
      <c r="Y343" s="66" t="s">
        <v>141</v>
      </c>
      <c r="AB343" s="54"/>
    </row>
    <row r="344" spans="1:34" s="3" customFormat="1" ht="20.100000000000001" customHeight="1">
      <c r="A344" s="891" t="s">
        <v>5</v>
      </c>
      <c r="B344" s="891"/>
      <c r="C344" s="891"/>
      <c r="D344" s="891"/>
      <c r="E344" s="891"/>
      <c r="F344" s="891"/>
      <c r="G344" s="891"/>
      <c r="H344" s="891"/>
      <c r="I344" s="891"/>
      <c r="J344" s="891"/>
      <c r="K344" s="891"/>
      <c r="L344" s="891"/>
      <c r="M344" s="891"/>
      <c r="N344" s="891"/>
      <c r="O344" s="891"/>
      <c r="P344" s="891"/>
      <c r="Q344" s="891"/>
      <c r="R344" s="891"/>
      <c r="S344" s="891"/>
      <c r="T344" s="891"/>
      <c r="U344" s="891"/>
      <c r="V344" s="891"/>
      <c r="W344" s="891"/>
      <c r="X344" s="891"/>
      <c r="Y344" s="891"/>
      <c r="Z344" s="105"/>
      <c r="AB344" s="54"/>
    </row>
    <row r="345" spans="1:34" s="3" customFormat="1" ht="20.100000000000001" customHeight="1">
      <c r="A345" s="380" t="s">
        <v>322</v>
      </c>
      <c r="B345" s="380"/>
      <c r="C345" s="380"/>
      <c r="D345" s="380"/>
      <c r="E345" s="380"/>
      <c r="F345" s="381" t="s">
        <v>323</v>
      </c>
      <c r="G345" s="382"/>
      <c r="H345" s="382"/>
      <c r="I345" s="382"/>
      <c r="J345" s="383"/>
      <c r="K345" s="381" t="s">
        <v>324</v>
      </c>
      <c r="L345" s="382"/>
      <c r="M345" s="382"/>
      <c r="N345" s="382"/>
      <c r="O345" s="383"/>
      <c r="P345" s="381" t="s">
        <v>325</v>
      </c>
      <c r="Q345" s="382"/>
      <c r="R345" s="382"/>
      <c r="S345" s="382"/>
      <c r="T345" s="383"/>
      <c r="U345" s="380" t="s">
        <v>166</v>
      </c>
      <c r="V345" s="380"/>
      <c r="W345" s="380"/>
      <c r="X345" s="380"/>
      <c r="Y345" s="894"/>
      <c r="AB345" s="54"/>
    </row>
    <row r="346" spans="1:34" s="3" customFormat="1" ht="18" customHeight="1">
      <c r="A346" s="415">
        <v>31</v>
      </c>
      <c r="B346" s="415"/>
      <c r="C346" s="415"/>
      <c r="D346" s="415"/>
      <c r="E346" s="415"/>
      <c r="F346" s="415">
        <v>35</v>
      </c>
      <c r="G346" s="415"/>
      <c r="H346" s="415"/>
      <c r="I346" s="415"/>
      <c r="J346" s="415"/>
      <c r="K346" s="415">
        <v>15</v>
      </c>
      <c r="L346" s="415"/>
      <c r="M346" s="415"/>
      <c r="N346" s="415"/>
      <c r="O346" s="415"/>
      <c r="P346" s="415">
        <v>11</v>
      </c>
      <c r="Q346" s="415"/>
      <c r="R346" s="415"/>
      <c r="S346" s="415"/>
      <c r="T346" s="415"/>
      <c r="U346" s="415">
        <v>8</v>
      </c>
      <c r="V346" s="415"/>
      <c r="W346" s="415"/>
      <c r="X346" s="415"/>
      <c r="Y346" s="508"/>
      <c r="AB346" s="54"/>
    </row>
    <row r="347" spans="1:34" s="3" customFormat="1" ht="18" customHeight="1">
      <c r="A347" s="400">
        <v>26</v>
      </c>
      <c r="B347" s="400"/>
      <c r="C347" s="400"/>
      <c r="D347" s="400"/>
      <c r="E347" s="400"/>
      <c r="F347" s="400">
        <v>30</v>
      </c>
      <c r="G347" s="400"/>
      <c r="H347" s="400"/>
      <c r="I347" s="400"/>
      <c r="J347" s="400"/>
      <c r="K347" s="400">
        <v>7</v>
      </c>
      <c r="L347" s="400"/>
      <c r="M347" s="400"/>
      <c r="N347" s="400"/>
      <c r="O347" s="400"/>
      <c r="P347" s="400">
        <v>10</v>
      </c>
      <c r="Q347" s="400"/>
      <c r="R347" s="400"/>
      <c r="S347" s="400"/>
      <c r="T347" s="400"/>
      <c r="U347" s="400">
        <v>13</v>
      </c>
      <c r="V347" s="400"/>
      <c r="W347" s="400"/>
      <c r="X347" s="400"/>
      <c r="Y347" s="509"/>
      <c r="AB347" s="54"/>
    </row>
    <row r="348" spans="1:34" s="2" customFormat="1" ht="18" customHeight="1">
      <c r="A348" s="570">
        <v>65</v>
      </c>
      <c r="B348" s="570"/>
      <c r="C348" s="570"/>
      <c r="D348" s="570"/>
      <c r="E348" s="571"/>
      <c r="F348" s="392">
        <v>32</v>
      </c>
      <c r="G348" s="392"/>
      <c r="H348" s="392"/>
      <c r="I348" s="392"/>
      <c r="J348" s="392"/>
      <c r="K348" s="887"/>
      <c r="L348" s="570"/>
      <c r="M348" s="570"/>
      <c r="N348" s="570"/>
      <c r="O348" s="570"/>
      <c r="P348" s="570">
        <v>17</v>
      </c>
      <c r="Q348" s="570"/>
      <c r="R348" s="570"/>
      <c r="S348" s="570"/>
      <c r="T348" s="571"/>
      <c r="U348" s="392">
        <v>11</v>
      </c>
      <c r="V348" s="392"/>
      <c r="W348" s="392"/>
      <c r="X348" s="392"/>
      <c r="Y348" s="893"/>
      <c r="Z348" s="54"/>
      <c r="AA348" s="54"/>
      <c r="AB348" s="54"/>
      <c r="AC348" s="3"/>
    </row>
    <row r="349" spans="1:34" s="2" customFormat="1" ht="13.5" customHeight="1">
      <c r="P349" s="43"/>
      <c r="Q349" s="43"/>
      <c r="R349" s="43"/>
      <c r="S349" s="43"/>
      <c r="T349" s="43"/>
      <c r="U349" s="43"/>
      <c r="V349" s="43"/>
      <c r="W349" s="43"/>
      <c r="X349" s="43"/>
      <c r="Y349" s="43" t="s">
        <v>302</v>
      </c>
      <c r="Z349" s="43"/>
      <c r="AA349" s="43"/>
      <c r="AB349" s="43"/>
    </row>
    <row r="350" spans="1:34" s="3" customFormat="1" ht="15.95" customHeight="1">
      <c r="A350" s="2"/>
      <c r="B350" s="2"/>
      <c r="C350" s="2"/>
      <c r="D350" s="2"/>
      <c r="E350" s="2"/>
      <c r="F350" s="2"/>
      <c r="G350" s="2"/>
      <c r="H350" s="2"/>
      <c r="I350" s="2"/>
      <c r="J350" s="2"/>
      <c r="K350" s="2"/>
      <c r="L350" s="2"/>
      <c r="M350" s="2"/>
      <c r="N350" s="2"/>
      <c r="O350" s="2"/>
      <c r="P350" s="43"/>
      <c r="Q350" s="43"/>
      <c r="R350" s="43"/>
      <c r="S350" s="43"/>
      <c r="T350" s="43"/>
      <c r="U350" s="43"/>
      <c r="V350" s="43"/>
      <c r="W350" s="43"/>
      <c r="X350" s="43"/>
      <c r="Y350" s="43"/>
      <c r="Z350" s="43"/>
      <c r="AA350" s="43"/>
      <c r="AB350" s="43"/>
      <c r="AC350" s="43"/>
      <c r="AD350" s="43"/>
      <c r="AE350" s="43"/>
      <c r="AF350" s="43"/>
      <c r="AG350" s="43"/>
      <c r="AH350" s="2"/>
    </row>
    <row r="351" spans="1:34" s="60" customFormat="1" ht="20.100000000000001" customHeight="1">
      <c r="A351" s="55"/>
      <c r="B351" s="55"/>
      <c r="C351" s="55"/>
      <c r="D351" s="55"/>
      <c r="E351" s="55"/>
      <c r="F351" s="55"/>
      <c r="G351" s="30"/>
      <c r="H351" s="75"/>
      <c r="I351" s="75"/>
      <c r="J351" s="75"/>
      <c r="K351" s="75"/>
      <c r="L351" s="30"/>
      <c r="M351" s="30"/>
      <c r="N351" s="30"/>
      <c r="O351" s="75"/>
      <c r="P351" s="75"/>
      <c r="Q351" s="75"/>
      <c r="R351" s="30"/>
      <c r="S351" s="30"/>
      <c r="T351" s="75"/>
      <c r="U351" s="75"/>
      <c r="V351" s="75"/>
      <c r="W351" s="30"/>
      <c r="X351" s="3"/>
      <c r="Y351" s="75"/>
      <c r="Z351" s="75"/>
      <c r="AA351" s="75"/>
      <c r="AB351" s="3"/>
      <c r="AC351" s="3"/>
      <c r="AD351" s="75"/>
      <c r="AE351" s="75"/>
      <c r="AF351" s="75"/>
      <c r="AG351" s="54"/>
      <c r="AH351" s="3"/>
    </row>
    <row r="352" spans="1:34" s="3" customFormat="1" ht="15.95" customHeight="1">
      <c r="A352" s="60"/>
      <c r="B352" s="44"/>
      <c r="C352" s="44"/>
      <c r="D352" s="44"/>
      <c r="E352" s="44"/>
      <c r="F352" s="44"/>
      <c r="G352" s="84"/>
      <c r="H352" s="85"/>
      <c r="I352" s="85"/>
      <c r="J352" s="85"/>
      <c r="K352" s="85"/>
      <c r="L352" s="84"/>
      <c r="M352" s="84"/>
      <c r="N352" s="84"/>
      <c r="O352" s="85"/>
      <c r="P352" s="85"/>
      <c r="Q352" s="85"/>
      <c r="R352" s="84"/>
      <c r="S352" s="84"/>
      <c r="T352" s="85"/>
      <c r="U352" s="85"/>
      <c r="V352" s="85"/>
      <c r="W352" s="84"/>
      <c r="X352" s="60"/>
      <c r="Y352" s="85"/>
      <c r="Z352" s="85"/>
      <c r="AA352" s="85"/>
      <c r="AB352" s="60"/>
      <c r="AC352" s="60"/>
      <c r="AD352" s="85"/>
      <c r="AE352" s="85"/>
      <c r="AF352" s="85"/>
      <c r="AG352" s="70"/>
      <c r="AH352" s="60"/>
    </row>
    <row r="353" spans="1:34" s="3" customFormat="1" ht="20.100000000000001" customHeight="1">
      <c r="A353" s="55"/>
      <c r="C353" s="55"/>
      <c r="D353" s="55"/>
      <c r="E353" s="55"/>
      <c r="F353" s="55"/>
      <c r="G353" s="30"/>
      <c r="H353" s="75"/>
      <c r="I353" s="75"/>
      <c r="J353" s="75"/>
      <c r="K353" s="75"/>
      <c r="L353" s="30"/>
      <c r="M353" s="30"/>
      <c r="N353" s="30"/>
      <c r="O353" s="75"/>
      <c r="P353" s="75"/>
      <c r="Q353" s="75"/>
      <c r="R353" s="30"/>
      <c r="S353" s="30"/>
      <c r="T353" s="75"/>
      <c r="U353" s="75"/>
      <c r="V353" s="75"/>
      <c r="W353" s="30"/>
      <c r="X353" s="64" t="s">
        <v>141</v>
      </c>
      <c r="Z353" s="54"/>
      <c r="AA353" s="54"/>
      <c r="AG353" s="54"/>
    </row>
    <row r="354" spans="1:34" s="3" customFormat="1" ht="20.100000000000001" customHeight="1">
      <c r="A354" s="387" t="s">
        <v>145</v>
      </c>
      <c r="B354" s="387"/>
      <c r="C354" s="387"/>
      <c r="D354" s="387"/>
      <c r="E354" s="511" t="s">
        <v>7</v>
      </c>
      <c r="F354" s="511"/>
      <c r="G354" s="511"/>
      <c r="H354" s="511"/>
      <c r="I354" s="511" t="s">
        <v>205</v>
      </c>
      <c r="J354" s="511"/>
      <c r="K354" s="511"/>
      <c r="L354" s="511"/>
      <c r="M354" s="430" t="s">
        <v>206</v>
      </c>
      <c r="N354" s="431"/>
      <c r="O354" s="431"/>
      <c r="P354" s="432"/>
      <c r="Q354" s="430" t="s">
        <v>149</v>
      </c>
      <c r="R354" s="431"/>
      <c r="S354" s="431"/>
      <c r="T354" s="432"/>
      <c r="U354" s="912" t="s">
        <v>207</v>
      </c>
      <c r="V354" s="913"/>
      <c r="W354" s="913"/>
      <c r="X354" s="914"/>
      <c r="Y354" s="88"/>
      <c r="AD354" s="89"/>
      <c r="AE354" s="89"/>
      <c r="AF354" s="89"/>
      <c r="AG354" s="54"/>
    </row>
    <row r="355" spans="1:34" s="3" customFormat="1" ht="20.100000000000001" customHeight="1">
      <c r="A355" s="388"/>
      <c r="B355" s="388"/>
      <c r="C355" s="388"/>
      <c r="D355" s="388"/>
      <c r="E355" s="512"/>
      <c r="F355" s="512"/>
      <c r="G355" s="512"/>
      <c r="H355" s="512"/>
      <c r="I355" s="512"/>
      <c r="J355" s="512"/>
      <c r="K355" s="512"/>
      <c r="L355" s="512"/>
      <c r="M355" s="433"/>
      <c r="N355" s="434"/>
      <c r="O355" s="434"/>
      <c r="P355" s="435"/>
      <c r="Q355" s="433"/>
      <c r="R355" s="434"/>
      <c r="S355" s="434"/>
      <c r="T355" s="435"/>
      <c r="U355" s="915"/>
      <c r="V355" s="916"/>
      <c r="W355" s="916"/>
      <c r="X355" s="917"/>
      <c r="Y355" s="88"/>
      <c r="AD355" s="89"/>
      <c r="AE355" s="89"/>
      <c r="AF355" s="89"/>
      <c r="AG355" s="90"/>
    </row>
    <row r="356" spans="1:34" s="48" customFormat="1" ht="18.75" customHeight="1">
      <c r="A356" s="401">
        <v>1</v>
      </c>
      <c r="B356" s="401"/>
      <c r="C356" s="401"/>
      <c r="D356" s="401"/>
      <c r="E356" s="401">
        <v>9</v>
      </c>
      <c r="F356" s="401"/>
      <c r="G356" s="401"/>
      <c r="H356" s="401"/>
      <c r="I356" s="401">
        <v>3</v>
      </c>
      <c r="J356" s="401"/>
      <c r="K356" s="401"/>
      <c r="L356" s="401"/>
      <c r="M356" s="754">
        <v>1</v>
      </c>
      <c r="N356" s="754"/>
      <c r="O356" s="754"/>
      <c r="P356" s="754"/>
      <c r="Q356" s="754" t="s">
        <v>178</v>
      </c>
      <c r="R356" s="754"/>
      <c r="S356" s="754"/>
      <c r="T356" s="754"/>
      <c r="U356" s="754" t="s">
        <v>152</v>
      </c>
      <c r="V356" s="754"/>
      <c r="W356" s="754"/>
      <c r="X356" s="755"/>
      <c r="Y356" s="91"/>
      <c r="Z356" s="3"/>
      <c r="AA356" s="3"/>
      <c r="AB356" s="3"/>
      <c r="AC356" s="3"/>
      <c r="AD356" s="92"/>
      <c r="AE356" s="92"/>
      <c r="AF356" s="92"/>
      <c r="AG356" s="90"/>
      <c r="AH356" s="3"/>
    </row>
    <row r="357" spans="1:34" s="3" customFormat="1" ht="18.75" customHeight="1">
      <c r="A357" s="401">
        <v>3</v>
      </c>
      <c r="B357" s="401"/>
      <c r="C357" s="401"/>
      <c r="D357" s="401"/>
      <c r="E357" s="401">
        <v>5</v>
      </c>
      <c r="F357" s="401"/>
      <c r="G357" s="401"/>
      <c r="H357" s="401"/>
      <c r="I357" s="401">
        <v>3</v>
      </c>
      <c r="J357" s="401"/>
      <c r="K357" s="401"/>
      <c r="L357" s="401"/>
      <c r="M357" s="401" t="s">
        <v>178</v>
      </c>
      <c r="N357" s="401"/>
      <c r="O357" s="401"/>
      <c r="P357" s="401"/>
      <c r="Q357" s="401" t="s">
        <v>178</v>
      </c>
      <c r="R357" s="401"/>
      <c r="S357" s="401"/>
      <c r="T357" s="401"/>
      <c r="U357" s="401" t="s">
        <v>152</v>
      </c>
      <c r="V357" s="401"/>
      <c r="W357" s="401"/>
      <c r="X357" s="402"/>
      <c r="Y357" s="91"/>
      <c r="Z357" s="48"/>
      <c r="AA357" s="48"/>
      <c r="AB357" s="48"/>
      <c r="AC357" s="48"/>
      <c r="AD357" s="92"/>
      <c r="AE357" s="92"/>
      <c r="AF357" s="92"/>
      <c r="AG357" s="93"/>
      <c r="AH357" s="48"/>
    </row>
    <row r="358" spans="1:34" s="3" customFormat="1" ht="18.75" customHeight="1">
      <c r="A358" s="414">
        <v>4</v>
      </c>
      <c r="B358" s="414"/>
      <c r="C358" s="414"/>
      <c r="D358" s="414"/>
      <c r="E358" s="414">
        <v>2</v>
      </c>
      <c r="F358" s="414"/>
      <c r="G358" s="414"/>
      <c r="H358" s="414"/>
      <c r="I358" s="414">
        <v>2</v>
      </c>
      <c r="J358" s="414"/>
      <c r="K358" s="414"/>
      <c r="L358" s="414"/>
      <c r="M358" s="414" t="s">
        <v>380</v>
      </c>
      <c r="N358" s="414"/>
      <c r="O358" s="414"/>
      <c r="P358" s="414"/>
      <c r="Q358" s="414" t="s">
        <v>384</v>
      </c>
      <c r="R358" s="414"/>
      <c r="S358" s="414"/>
      <c r="T358" s="414"/>
      <c r="U358" s="414" t="s">
        <v>380</v>
      </c>
      <c r="V358" s="414"/>
      <c r="W358" s="414"/>
      <c r="X358" s="510"/>
      <c r="Y358" s="91"/>
      <c r="AD358" s="92"/>
      <c r="AE358" s="92"/>
      <c r="AF358" s="92"/>
      <c r="AG358" s="54"/>
    </row>
    <row r="359" spans="1:34" s="3" customFormat="1" ht="15.95" customHeight="1">
      <c r="J359" s="113"/>
      <c r="M359" s="43"/>
      <c r="N359" s="27"/>
      <c r="O359" s="43"/>
      <c r="P359" s="43"/>
      <c r="Q359" s="43"/>
      <c r="R359" s="43"/>
      <c r="S359" s="43"/>
      <c r="T359" s="43"/>
      <c r="U359" s="43"/>
      <c r="V359" s="43"/>
      <c r="W359" s="43"/>
      <c r="X359" s="43" t="s">
        <v>302</v>
      </c>
      <c r="Y359" s="43"/>
      <c r="Z359" s="43"/>
      <c r="AA359" s="43"/>
      <c r="AC359" s="2"/>
      <c r="AD359" s="2"/>
      <c r="AE359" s="2"/>
      <c r="AF359" s="2"/>
      <c r="AG359" s="54"/>
    </row>
    <row r="360" spans="1:34" s="3" customFormat="1" ht="20.100000000000001" customHeight="1">
      <c r="O360" s="54"/>
      <c r="P360" s="54"/>
      <c r="Q360" s="54"/>
      <c r="R360" s="54"/>
      <c r="S360" s="54"/>
      <c r="T360" s="54"/>
      <c r="U360" s="54"/>
      <c r="V360" s="54"/>
      <c r="W360" s="54"/>
      <c r="X360" s="54"/>
      <c r="Y360" s="54"/>
      <c r="Z360" s="54"/>
      <c r="AA360" s="54"/>
      <c r="AB360" s="54"/>
      <c r="AC360" s="54"/>
      <c r="AD360" s="54"/>
      <c r="AE360" s="54"/>
      <c r="AF360" s="54"/>
      <c r="AG360" s="54"/>
    </row>
    <row r="361" spans="1:34" s="3" customFormat="1" ht="15.95" customHeight="1">
      <c r="O361" s="54"/>
      <c r="P361" s="54"/>
      <c r="Q361" s="54"/>
      <c r="R361" s="54"/>
      <c r="S361" s="54"/>
      <c r="T361" s="54"/>
      <c r="U361" s="54"/>
      <c r="V361" s="54"/>
      <c r="W361" s="54"/>
      <c r="X361" s="54"/>
      <c r="Y361" s="54"/>
      <c r="Z361" s="54"/>
      <c r="AA361" s="54"/>
      <c r="AB361" s="54"/>
      <c r="AC361" s="54"/>
      <c r="AD361" s="54"/>
      <c r="AE361" s="54"/>
      <c r="AF361" s="54"/>
      <c r="AG361" s="54"/>
    </row>
    <row r="362" spans="1:34" s="3" customFormat="1" ht="20.100000000000001" customHeight="1">
      <c r="R362" s="54"/>
      <c r="S362" s="54"/>
      <c r="T362" s="64" t="s">
        <v>8</v>
      </c>
      <c r="AD362" s="54"/>
      <c r="AE362" s="54"/>
      <c r="AF362" s="54"/>
      <c r="AG362" s="54"/>
    </row>
    <row r="363" spans="1:34" s="3" customFormat="1" ht="20.100000000000001" customHeight="1">
      <c r="A363" s="762" t="s">
        <v>6</v>
      </c>
      <c r="B363" s="762"/>
      <c r="C363" s="762"/>
      <c r="D363" s="762"/>
      <c r="E363" s="584" t="s">
        <v>9</v>
      </c>
      <c r="F363" s="584"/>
      <c r="G363" s="584"/>
      <c r="H363" s="584"/>
      <c r="I363" s="785" t="s">
        <v>145</v>
      </c>
      <c r="J363" s="785"/>
      <c r="K363" s="785"/>
      <c r="L363" s="785"/>
      <c r="M363" s="785" t="s">
        <v>10</v>
      </c>
      <c r="N363" s="785"/>
      <c r="O363" s="785"/>
      <c r="P363" s="785"/>
      <c r="Q363" s="736" t="s">
        <v>11</v>
      </c>
      <c r="R363" s="736"/>
      <c r="S363" s="736"/>
      <c r="T363" s="737"/>
      <c r="AA363"/>
      <c r="AB363"/>
      <c r="AC363"/>
      <c r="AD363"/>
      <c r="AE363" s="54"/>
      <c r="AF363" s="54"/>
      <c r="AG363" s="54"/>
    </row>
    <row r="364" spans="1:34" s="3" customFormat="1" ht="20.100000000000001" customHeight="1">
      <c r="A364" s="763"/>
      <c r="B364" s="763"/>
      <c r="C364" s="763"/>
      <c r="D364" s="763"/>
      <c r="E364" s="585"/>
      <c r="F364" s="585"/>
      <c r="G364" s="585"/>
      <c r="H364" s="585"/>
      <c r="I364" s="786"/>
      <c r="J364" s="786"/>
      <c r="K364" s="786"/>
      <c r="L364" s="786"/>
      <c r="M364" s="786"/>
      <c r="N364" s="786"/>
      <c r="O364" s="786"/>
      <c r="P364" s="786"/>
      <c r="Q364" s="738"/>
      <c r="R364" s="738"/>
      <c r="S364" s="738"/>
      <c r="T364" s="739"/>
      <c r="AA364"/>
      <c r="AB364"/>
      <c r="AC364"/>
      <c r="AD364"/>
      <c r="AE364" s="54"/>
      <c r="AF364" s="54"/>
      <c r="AG364" s="54"/>
    </row>
    <row r="365" spans="1:34" s="3" customFormat="1" ht="18.75" customHeight="1">
      <c r="A365" s="400">
        <v>4070</v>
      </c>
      <c r="B365" s="400"/>
      <c r="C365" s="400"/>
      <c r="D365" s="400"/>
      <c r="E365" s="400">
        <v>388</v>
      </c>
      <c r="F365" s="400"/>
      <c r="G365" s="400"/>
      <c r="H365" s="400"/>
      <c r="I365" s="400" t="s">
        <v>376</v>
      </c>
      <c r="J365" s="400"/>
      <c r="K365" s="400"/>
      <c r="L365" s="400"/>
      <c r="M365" s="400" t="s">
        <v>376</v>
      </c>
      <c r="N365" s="400"/>
      <c r="O365" s="400"/>
      <c r="P365" s="400"/>
      <c r="Q365" s="400" t="s">
        <v>344</v>
      </c>
      <c r="R365" s="400"/>
      <c r="S365" s="400"/>
      <c r="T365" s="509"/>
      <c r="AA365"/>
      <c r="AB365"/>
      <c r="AC365"/>
      <c r="AD365"/>
      <c r="AE365" s="54"/>
      <c r="AF365" s="54"/>
      <c r="AG365" s="54"/>
    </row>
    <row r="366" spans="1:34" s="3" customFormat="1" ht="18.75" customHeight="1">
      <c r="A366" s="400" t="s">
        <v>344</v>
      </c>
      <c r="B366" s="400"/>
      <c r="C366" s="400"/>
      <c r="D366" s="400"/>
      <c r="E366" s="400" t="s">
        <v>344</v>
      </c>
      <c r="F366" s="400"/>
      <c r="G366" s="400"/>
      <c r="H366" s="400"/>
      <c r="I366" s="400" t="s">
        <v>344</v>
      </c>
      <c r="J366" s="400"/>
      <c r="K366" s="400"/>
      <c r="L366" s="400"/>
      <c r="M366" s="400" t="s">
        <v>376</v>
      </c>
      <c r="N366" s="400"/>
      <c r="O366" s="400"/>
      <c r="P366" s="400"/>
      <c r="Q366" s="400">
        <v>417</v>
      </c>
      <c r="R366" s="400"/>
      <c r="S366" s="400"/>
      <c r="T366" s="509"/>
      <c r="AA366"/>
      <c r="AB366"/>
      <c r="AC366"/>
      <c r="AD366"/>
      <c r="AE366" s="54"/>
      <c r="AF366" s="54"/>
      <c r="AG366" s="54"/>
    </row>
    <row r="367" spans="1:34" s="3" customFormat="1" ht="18.75" customHeight="1">
      <c r="A367" s="392" t="s">
        <v>376</v>
      </c>
      <c r="B367" s="392"/>
      <c r="C367" s="392"/>
      <c r="D367" s="392"/>
      <c r="E367" s="392" t="s">
        <v>376</v>
      </c>
      <c r="F367" s="392"/>
      <c r="G367" s="392"/>
      <c r="H367" s="392"/>
      <c r="I367" s="392" t="s">
        <v>344</v>
      </c>
      <c r="J367" s="392"/>
      <c r="K367" s="392"/>
      <c r="L367" s="392"/>
      <c r="M367" s="392" t="s">
        <v>376</v>
      </c>
      <c r="N367" s="392"/>
      <c r="O367" s="392"/>
      <c r="P367" s="392"/>
      <c r="Q367" s="392" t="s">
        <v>389</v>
      </c>
      <c r="R367" s="392"/>
      <c r="S367" s="392"/>
      <c r="T367" s="893"/>
      <c r="AA367"/>
      <c r="AB367"/>
      <c r="AC367"/>
      <c r="AD367"/>
      <c r="AE367" s="54"/>
      <c r="AF367" s="54"/>
      <c r="AG367" s="54"/>
    </row>
    <row r="368" spans="1:34" s="3" customFormat="1" ht="13.5" customHeight="1">
      <c r="C368" s="27"/>
      <c r="D368" s="27"/>
      <c r="E368" s="27"/>
      <c r="F368" s="27"/>
      <c r="G368" s="27"/>
      <c r="H368" s="27"/>
      <c r="I368" s="27"/>
      <c r="J368" s="27"/>
      <c r="K368" s="27"/>
      <c r="L368" s="27"/>
      <c r="M368" s="27"/>
      <c r="N368" s="27"/>
      <c r="O368" s="27"/>
      <c r="P368" s="43"/>
      <c r="S368" s="43"/>
      <c r="T368" s="43" t="s">
        <v>302</v>
      </c>
      <c r="U368" s="30"/>
      <c r="V368" s="30"/>
      <c r="W368" s="30"/>
      <c r="X368" s="30"/>
    </row>
    <row r="369" spans="1:34" s="3" customFormat="1" ht="15.95" customHeight="1">
      <c r="C369" s="43"/>
      <c r="D369" s="43"/>
      <c r="E369" s="43"/>
      <c r="F369" s="43"/>
      <c r="G369" s="43"/>
      <c r="H369" s="43"/>
      <c r="I369" s="43"/>
      <c r="J369" s="43"/>
      <c r="K369" s="43"/>
      <c r="L369" s="43"/>
      <c r="M369" s="43"/>
      <c r="N369" s="43"/>
      <c r="O369" s="43"/>
      <c r="P369" s="43"/>
      <c r="R369" s="43"/>
      <c r="S369" s="43"/>
      <c r="T369" s="43"/>
      <c r="U369" s="30"/>
      <c r="V369" s="30"/>
      <c r="W369" s="30"/>
      <c r="X369" s="30"/>
    </row>
    <row r="370" spans="1:34" s="3" customFormat="1" ht="20.100000000000001" customHeight="1"/>
    <row r="371" spans="1:34" s="3" customFormat="1" ht="15.95" customHeight="1"/>
    <row r="372" spans="1:34" s="3" customFormat="1" ht="20.100000000000001" customHeight="1"/>
    <row r="373" spans="1:34" s="3" customFormat="1" ht="20.100000000000001" customHeight="1">
      <c r="A373" s="403" t="s">
        <v>340</v>
      </c>
      <c r="B373" s="404"/>
      <c r="C373" s="404"/>
      <c r="D373" s="405"/>
      <c r="E373" s="403" t="s">
        <v>341</v>
      </c>
      <c r="F373" s="404"/>
      <c r="G373" s="404"/>
      <c r="H373" s="405"/>
      <c r="I373" s="403" t="s">
        <v>342</v>
      </c>
      <c r="J373" s="404"/>
      <c r="K373" s="404"/>
      <c r="L373" s="405"/>
      <c r="M373" s="403" t="s">
        <v>208</v>
      </c>
      <c r="N373" s="404"/>
      <c r="O373" s="404"/>
      <c r="P373" s="405"/>
      <c r="Q373" s="30"/>
      <c r="R373" s="30"/>
      <c r="S373" s="30"/>
      <c r="T373" s="30"/>
      <c r="U373" s="30"/>
      <c r="V373" s="30"/>
      <c r="W373" s="30"/>
      <c r="X373" s="30"/>
      <c r="Y373" s="30"/>
      <c r="Z373" s="30"/>
      <c r="AA373" s="30"/>
      <c r="AB373" s="30"/>
    </row>
    <row r="374" spans="1:34" s="3" customFormat="1" ht="20.100000000000001" customHeight="1">
      <c r="A374" s="406"/>
      <c r="B374" s="281"/>
      <c r="C374" s="281"/>
      <c r="D374" s="407"/>
      <c r="E374" s="406"/>
      <c r="F374" s="281"/>
      <c r="G374" s="281"/>
      <c r="H374" s="407"/>
      <c r="I374" s="406"/>
      <c r="J374" s="281"/>
      <c r="K374" s="281"/>
      <c r="L374" s="407"/>
      <c r="M374" s="406"/>
      <c r="N374" s="281"/>
      <c r="O374" s="281"/>
      <c r="P374" s="407"/>
      <c r="Q374" s="30"/>
      <c r="R374" s="30"/>
      <c r="S374" s="30"/>
      <c r="T374" s="30"/>
      <c r="U374" s="30"/>
      <c r="V374" s="30"/>
      <c r="W374" s="30"/>
      <c r="X374" s="30"/>
      <c r="Y374" s="30"/>
      <c r="Z374" s="30"/>
      <c r="AA374" s="30"/>
      <c r="AB374" s="30"/>
    </row>
    <row r="375" spans="1:34" s="3" customFormat="1" ht="20.100000000000001" customHeight="1">
      <c r="A375" s="148" t="s">
        <v>4</v>
      </c>
      <c r="B375" s="149"/>
      <c r="C375" s="149"/>
      <c r="D375" s="150"/>
      <c r="E375" s="148" t="s">
        <v>343</v>
      </c>
      <c r="F375" s="149"/>
      <c r="G375" s="149"/>
      <c r="H375" s="150"/>
      <c r="I375" s="148" t="s">
        <v>4</v>
      </c>
      <c r="J375" s="149"/>
      <c r="K375" s="149"/>
      <c r="L375" s="150"/>
      <c r="M375" s="148" t="s">
        <v>12</v>
      </c>
      <c r="N375" s="149"/>
      <c r="O375" s="149"/>
      <c r="P375" s="150"/>
      <c r="Q375" s="30"/>
      <c r="R375" s="30"/>
      <c r="S375" s="30"/>
      <c r="T375" s="30"/>
      <c r="U375" s="30"/>
      <c r="V375" s="30"/>
      <c r="W375" s="30"/>
      <c r="X375" s="30"/>
      <c r="Y375" s="30"/>
      <c r="Z375" s="30"/>
      <c r="AA375" s="30"/>
      <c r="AB375" s="30"/>
    </row>
    <row r="376" spans="1:34" s="3" customFormat="1" ht="18.75" customHeight="1">
      <c r="A376" s="415" t="s">
        <v>152</v>
      </c>
      <c r="B376" s="415"/>
      <c r="C376" s="415"/>
      <c r="D376" s="415"/>
      <c r="E376" s="415" t="s">
        <v>152</v>
      </c>
      <c r="F376" s="415"/>
      <c r="G376" s="415"/>
      <c r="H376" s="415"/>
      <c r="I376" s="415" t="s">
        <v>152</v>
      </c>
      <c r="J376" s="415"/>
      <c r="K376" s="415"/>
      <c r="L376" s="415"/>
      <c r="M376" s="439">
        <v>59</v>
      </c>
      <c r="N376" s="439"/>
      <c r="O376" s="439"/>
      <c r="P376" s="440"/>
      <c r="Q376" s="99"/>
      <c r="R376" s="99"/>
      <c r="S376" s="99"/>
      <c r="T376" s="30"/>
      <c r="U376" s="99"/>
      <c r="V376" s="99"/>
      <c r="W376" s="99"/>
      <c r="X376" s="30"/>
      <c r="Y376" s="54"/>
      <c r="Z376" s="54"/>
      <c r="AA376" s="54"/>
      <c r="AB376" s="30"/>
    </row>
    <row r="377" spans="1:34" s="3" customFormat="1" ht="18.75" customHeight="1">
      <c r="A377" s="400" t="s">
        <v>152</v>
      </c>
      <c r="B377" s="400"/>
      <c r="C377" s="400"/>
      <c r="D377" s="400"/>
      <c r="E377" s="400" t="s">
        <v>152</v>
      </c>
      <c r="F377" s="400"/>
      <c r="G377" s="400"/>
      <c r="H377" s="400"/>
      <c r="I377" s="400" t="s">
        <v>152</v>
      </c>
      <c r="J377" s="400"/>
      <c r="K377" s="400"/>
      <c r="L377" s="400"/>
      <c r="M377" s="441">
        <v>58</v>
      </c>
      <c r="N377" s="441"/>
      <c r="O377" s="441"/>
      <c r="P377" s="442"/>
      <c r="Q377" s="99"/>
      <c r="R377" s="99"/>
      <c r="S377" s="99"/>
      <c r="T377" s="30"/>
      <c r="U377" s="99"/>
      <c r="V377" s="99"/>
      <c r="W377" s="99"/>
      <c r="X377" s="30"/>
      <c r="Y377" s="54"/>
      <c r="Z377" s="54"/>
      <c r="AA377" s="54"/>
      <c r="AB377" s="30"/>
    </row>
    <row r="378" spans="1:34" s="3" customFormat="1" ht="18.75" customHeight="1">
      <c r="A378" s="392" t="s">
        <v>364</v>
      </c>
      <c r="B378" s="392"/>
      <c r="C378" s="392"/>
      <c r="D378" s="392"/>
      <c r="E378" s="392" t="s">
        <v>364</v>
      </c>
      <c r="F378" s="392"/>
      <c r="G378" s="392"/>
      <c r="H378" s="392"/>
      <c r="I378" s="392" t="s">
        <v>364</v>
      </c>
      <c r="J378" s="392"/>
      <c r="K378" s="392"/>
      <c r="L378" s="392"/>
      <c r="M378" s="756">
        <v>64</v>
      </c>
      <c r="N378" s="756"/>
      <c r="O378" s="756"/>
      <c r="P378" s="757"/>
      <c r="Q378" s="99"/>
      <c r="R378" s="99"/>
      <c r="S378" s="99"/>
      <c r="T378" s="30"/>
      <c r="U378" s="99"/>
      <c r="V378" s="99"/>
      <c r="W378" s="99"/>
      <c r="X378" s="30"/>
      <c r="Y378" s="54"/>
    </row>
    <row r="379" spans="1:34" s="3" customFormat="1" ht="15.95" customHeight="1">
      <c r="A379" s="42"/>
      <c r="B379" s="42"/>
      <c r="C379" s="42"/>
      <c r="D379" s="42"/>
      <c r="E379" s="42"/>
      <c r="F379" s="42"/>
      <c r="G379" s="42"/>
      <c r="H379" s="42"/>
      <c r="I379" s="42" t="s">
        <v>179</v>
      </c>
      <c r="J379" s="42"/>
      <c r="K379" s="42"/>
      <c r="L379" s="42"/>
    </row>
    <row r="380" spans="1:34" s="3" customFormat="1" ht="20.100000000000001" customHeight="1">
      <c r="A380" s="42"/>
      <c r="B380" s="42"/>
      <c r="C380" s="42"/>
      <c r="D380" s="42"/>
      <c r="E380" s="42"/>
      <c r="F380" s="42"/>
      <c r="G380" s="42"/>
      <c r="H380" s="42"/>
      <c r="I380" s="42"/>
      <c r="J380" s="42"/>
      <c r="K380" s="42"/>
      <c r="L380" s="42"/>
    </row>
    <row r="381" spans="1:34" s="3" customFormat="1" ht="15.95" customHeight="1">
      <c r="A381" s="60" t="s">
        <v>402</v>
      </c>
      <c r="B381" s="99"/>
      <c r="C381" s="99"/>
      <c r="D381" s="30"/>
      <c r="E381" s="99"/>
      <c r="F381" s="99"/>
      <c r="G381" s="99"/>
      <c r="H381" s="30"/>
      <c r="I381" s="99"/>
      <c r="J381" s="99"/>
      <c r="K381" s="99"/>
      <c r="L381" s="30"/>
      <c r="M381" s="99"/>
      <c r="N381" s="99"/>
      <c r="O381" s="99"/>
      <c r="P381" s="30"/>
      <c r="Q381" s="30"/>
      <c r="R381" s="30"/>
      <c r="S381" s="30"/>
      <c r="T381" s="30"/>
    </row>
    <row r="382" spans="1:34" s="3" customFormat="1" ht="15.95" customHeight="1">
      <c r="A382" s="99"/>
      <c r="B382" s="3" t="s">
        <v>126</v>
      </c>
      <c r="C382" s="99"/>
      <c r="D382" s="30"/>
      <c r="E382" s="99"/>
      <c r="F382" s="99"/>
      <c r="G382" s="99"/>
      <c r="H382" s="30"/>
      <c r="I382" s="99"/>
      <c r="J382" s="99"/>
      <c r="K382" s="99"/>
      <c r="L382" s="30"/>
      <c r="M382" s="99"/>
      <c r="N382" s="99"/>
      <c r="O382" s="99"/>
      <c r="P382" s="30"/>
      <c r="Q382" s="30"/>
      <c r="R382" s="30"/>
      <c r="S382" s="30"/>
      <c r="T382" s="30"/>
      <c r="AA382" s="54"/>
      <c r="AB382" s="54"/>
      <c r="AC382" s="54"/>
      <c r="AG382" s="64" t="s">
        <v>13</v>
      </c>
    </row>
    <row r="383" spans="1:34" s="3" customFormat="1" ht="15.95" customHeight="1">
      <c r="A383" s="909" t="s">
        <v>38</v>
      </c>
      <c r="B383" s="910"/>
      <c r="C383" s="910"/>
      <c r="D383" s="910"/>
      <c r="E383" s="911"/>
      <c r="F383" s="411" t="s">
        <v>190</v>
      </c>
      <c r="G383" s="411"/>
      <c r="H383" s="411"/>
      <c r="I383" s="411"/>
      <c r="J383" s="723" t="s">
        <v>14</v>
      </c>
      <c r="K383" s="724"/>
      <c r="L383" s="724"/>
      <c r="M383" s="725"/>
      <c r="N383" s="897" t="s">
        <v>186</v>
      </c>
      <c r="O383" s="898"/>
      <c r="P383" s="898"/>
      <c r="Q383" s="899"/>
      <c r="R383" s="895" t="s">
        <v>15</v>
      </c>
      <c r="S383" s="895"/>
      <c r="T383" s="895"/>
      <c r="U383" s="895"/>
      <c r="V383" s="427" t="s">
        <v>187</v>
      </c>
      <c r="W383" s="427"/>
      <c r="X383" s="427"/>
      <c r="Y383" s="427"/>
      <c r="Z383" s="427" t="s">
        <v>188</v>
      </c>
      <c r="AA383" s="427"/>
      <c r="AB383" s="427"/>
      <c r="AC383" s="427"/>
      <c r="AD383" s="723" t="s">
        <v>16</v>
      </c>
      <c r="AE383" s="724"/>
      <c r="AF383" s="724"/>
      <c r="AG383" s="888"/>
      <c r="AH383" s="100"/>
    </row>
    <row r="384" spans="1:34" s="3" customFormat="1" ht="15.95" customHeight="1">
      <c r="A384" s="101"/>
      <c r="B384" s="19"/>
      <c r="C384" s="19"/>
      <c r="D384" s="34"/>
      <c r="E384" s="81"/>
      <c r="F384" s="412"/>
      <c r="G384" s="412"/>
      <c r="H384" s="412"/>
      <c r="I384" s="412"/>
      <c r="J384" s="726"/>
      <c r="K384" s="727"/>
      <c r="L384" s="727"/>
      <c r="M384" s="728"/>
      <c r="N384" s="900"/>
      <c r="O384" s="901"/>
      <c r="P384" s="901"/>
      <c r="Q384" s="902"/>
      <c r="R384" s="895"/>
      <c r="S384" s="895"/>
      <c r="T384" s="895"/>
      <c r="U384" s="895"/>
      <c r="V384" s="428"/>
      <c r="W384" s="428"/>
      <c r="X384" s="428"/>
      <c r="Y384" s="428"/>
      <c r="Z384" s="428"/>
      <c r="AA384" s="428"/>
      <c r="AB384" s="428"/>
      <c r="AC384" s="428"/>
      <c r="AD384" s="726"/>
      <c r="AE384" s="727"/>
      <c r="AF384" s="727"/>
      <c r="AG384" s="889"/>
      <c r="AH384" s="100"/>
    </row>
    <row r="385" spans="1:34" s="3" customFormat="1" ht="20.100000000000001" customHeight="1">
      <c r="A385" s="102" t="s">
        <v>169</v>
      </c>
      <c r="B385" s="103"/>
      <c r="C385" s="103"/>
      <c r="D385" s="78"/>
      <c r="E385" s="104"/>
      <c r="F385" s="413"/>
      <c r="G385" s="413"/>
      <c r="H385" s="413"/>
      <c r="I385" s="413"/>
      <c r="J385" s="729"/>
      <c r="K385" s="730"/>
      <c r="L385" s="730"/>
      <c r="M385" s="731"/>
      <c r="N385" s="903"/>
      <c r="O385" s="904"/>
      <c r="P385" s="904"/>
      <c r="Q385" s="905"/>
      <c r="R385" s="896"/>
      <c r="S385" s="896"/>
      <c r="T385" s="896"/>
      <c r="U385" s="896"/>
      <c r="V385" s="429"/>
      <c r="W385" s="429"/>
      <c r="X385" s="429"/>
      <c r="Y385" s="429"/>
      <c r="Z385" s="429"/>
      <c r="AA385" s="429"/>
      <c r="AB385" s="429"/>
      <c r="AC385" s="429"/>
      <c r="AD385" s="729"/>
      <c r="AE385" s="730"/>
      <c r="AF385" s="730"/>
      <c r="AG385" s="890"/>
      <c r="AH385" s="100"/>
    </row>
    <row r="386" spans="1:34" s="3" customFormat="1" ht="18.75" customHeight="1">
      <c r="A386" s="384">
        <v>22</v>
      </c>
      <c r="B386" s="385"/>
      <c r="C386" s="385"/>
      <c r="D386" s="385"/>
      <c r="E386" s="386"/>
      <c r="F386" s="787">
        <v>583</v>
      </c>
      <c r="G386" s="408"/>
      <c r="H386" s="408"/>
      <c r="I386" s="408"/>
      <c r="J386" s="295" t="s">
        <v>376</v>
      </c>
      <c r="K386" s="295"/>
      <c r="L386" s="295"/>
      <c r="M386" s="295"/>
      <c r="N386" s="295" t="s">
        <v>376</v>
      </c>
      <c r="O386" s="295"/>
      <c r="P386" s="295"/>
      <c r="Q386" s="295"/>
      <c r="R386" s="408">
        <v>544</v>
      </c>
      <c r="S386" s="408"/>
      <c r="T386" s="408"/>
      <c r="U386" s="408"/>
      <c r="V386" s="295" t="s">
        <v>376</v>
      </c>
      <c r="W386" s="295"/>
      <c r="X386" s="295"/>
      <c r="Y386" s="295"/>
      <c r="Z386" s="408">
        <v>534</v>
      </c>
      <c r="AA386" s="408"/>
      <c r="AB386" s="408"/>
      <c r="AC386" s="408"/>
      <c r="AD386" s="295" t="s">
        <v>376</v>
      </c>
      <c r="AE386" s="295"/>
      <c r="AF386" s="295"/>
      <c r="AG386" s="329"/>
      <c r="AH386" s="105"/>
    </row>
    <row r="387" spans="1:34" s="3" customFormat="1" ht="18.75" customHeight="1">
      <c r="A387" s="331">
        <v>27</v>
      </c>
      <c r="B387" s="332"/>
      <c r="C387" s="332"/>
      <c r="D387" s="332"/>
      <c r="E387" s="333"/>
      <c r="F387" s="408">
        <v>453</v>
      </c>
      <c r="G387" s="408"/>
      <c r="H387" s="408"/>
      <c r="I387" s="408"/>
      <c r="J387" s="359" t="s">
        <v>376</v>
      </c>
      <c r="K387" s="359"/>
      <c r="L387" s="359"/>
      <c r="M387" s="359"/>
      <c r="N387" s="359" t="s">
        <v>376</v>
      </c>
      <c r="O387" s="359"/>
      <c r="P387" s="359"/>
      <c r="Q387" s="359"/>
      <c r="R387" s="408">
        <v>418</v>
      </c>
      <c r="S387" s="408"/>
      <c r="T387" s="408"/>
      <c r="U387" s="408"/>
      <c r="V387" s="359" t="s">
        <v>376</v>
      </c>
      <c r="W387" s="359"/>
      <c r="X387" s="359"/>
      <c r="Y387" s="359"/>
      <c r="Z387" s="408">
        <v>413</v>
      </c>
      <c r="AA387" s="408"/>
      <c r="AB387" s="408"/>
      <c r="AC387" s="408"/>
      <c r="AD387" s="359" t="s">
        <v>376</v>
      </c>
      <c r="AE387" s="359"/>
      <c r="AF387" s="359"/>
      <c r="AG387" s="360"/>
      <c r="AH387" s="105"/>
    </row>
    <row r="388" spans="1:34" s="2" customFormat="1" ht="18.75" customHeight="1">
      <c r="A388" s="361" t="s">
        <v>375</v>
      </c>
      <c r="B388" s="362"/>
      <c r="C388" s="362"/>
      <c r="D388" s="362"/>
      <c r="E388" s="363"/>
      <c r="F388" s="318" t="s">
        <v>376</v>
      </c>
      <c r="G388" s="318"/>
      <c r="H388" s="318"/>
      <c r="I388" s="318"/>
      <c r="J388" s="318" t="s">
        <v>376</v>
      </c>
      <c r="K388" s="318"/>
      <c r="L388" s="318"/>
      <c r="M388" s="318"/>
      <c r="N388" s="318" t="s">
        <v>376</v>
      </c>
      <c r="O388" s="318"/>
      <c r="P388" s="318"/>
      <c r="Q388" s="318"/>
      <c r="R388" s="318" t="s">
        <v>376</v>
      </c>
      <c r="S388" s="318"/>
      <c r="T388" s="318"/>
      <c r="U388" s="318"/>
      <c r="V388" s="318" t="s">
        <v>376</v>
      </c>
      <c r="W388" s="318"/>
      <c r="X388" s="318"/>
      <c r="Y388" s="318"/>
      <c r="Z388" s="318" t="s">
        <v>376</v>
      </c>
      <c r="AA388" s="318"/>
      <c r="AB388" s="318"/>
      <c r="AC388" s="318"/>
      <c r="AD388" s="487" t="s">
        <v>376</v>
      </c>
      <c r="AE388" s="487"/>
      <c r="AF388" s="487"/>
      <c r="AG388" s="488"/>
      <c r="AH388" s="105"/>
    </row>
    <row r="389" spans="1:34" s="2" customFormat="1" ht="13.5" customHeight="1">
      <c r="A389" s="8" t="s">
        <v>312</v>
      </c>
      <c r="P389" s="43"/>
      <c r="Q389" s="43"/>
      <c r="R389" s="43"/>
      <c r="S389" s="43"/>
      <c r="T389" s="43"/>
      <c r="U389" s="43"/>
      <c r="V389" s="43"/>
      <c r="W389" s="43"/>
      <c r="X389" s="43"/>
      <c r="Y389" s="43"/>
      <c r="Z389" s="43"/>
      <c r="AA389" s="43"/>
      <c r="AB389" s="43"/>
      <c r="AC389" s="43"/>
      <c r="AD389" s="43"/>
      <c r="AE389" s="43"/>
      <c r="AF389" s="43"/>
      <c r="AG389" s="43" t="s">
        <v>301</v>
      </c>
    </row>
    <row r="390" spans="1:34" s="2" customFormat="1" ht="13.5" customHeight="1">
      <c r="A390" s="8" t="s">
        <v>338</v>
      </c>
      <c r="B390" s="67"/>
      <c r="C390" s="67"/>
      <c r="D390" s="67"/>
      <c r="E390" s="67"/>
      <c r="F390" s="67"/>
      <c r="G390" s="67"/>
      <c r="H390" s="67"/>
      <c r="I390" s="67"/>
      <c r="J390" s="67"/>
      <c r="K390" s="67"/>
      <c r="L390" s="67"/>
      <c r="M390" s="67"/>
      <c r="N390" s="67"/>
      <c r="O390" s="67"/>
      <c r="P390" s="67"/>
      <c r="Q390" s="67"/>
      <c r="R390" s="67"/>
      <c r="S390" s="67"/>
      <c r="T390" s="67"/>
      <c r="U390" s="67"/>
      <c r="V390" s="67"/>
      <c r="W390" s="67"/>
      <c r="X390" s="67"/>
      <c r="Y390" s="67"/>
      <c r="Z390" s="67"/>
      <c r="AA390" s="67"/>
      <c r="AB390" s="67"/>
      <c r="AC390" s="67"/>
      <c r="AD390" s="67"/>
      <c r="AE390" s="67"/>
      <c r="AF390" s="67"/>
      <c r="AG390" s="67"/>
    </row>
    <row r="391" spans="1:34" s="2" customFormat="1" ht="13.5" customHeight="1">
      <c r="A391" s="8" t="s">
        <v>385</v>
      </c>
      <c r="B391" s="87"/>
      <c r="C391" s="87"/>
      <c r="D391" s="87"/>
      <c r="E391" s="87"/>
      <c r="F391" s="87"/>
      <c r="G391" s="87"/>
      <c r="H391" s="87"/>
      <c r="I391" s="87"/>
      <c r="J391" s="87"/>
      <c r="K391" s="87"/>
      <c r="L391" s="87"/>
      <c r="M391" s="87"/>
      <c r="N391" s="87"/>
      <c r="O391" s="87"/>
      <c r="P391" s="87"/>
      <c r="Q391" s="87"/>
      <c r="R391" s="87"/>
      <c r="S391" s="87"/>
      <c r="T391" s="87"/>
      <c r="U391" s="87"/>
      <c r="V391" s="87"/>
      <c r="W391" s="87"/>
      <c r="X391" s="87"/>
      <c r="Y391" s="87"/>
      <c r="Z391" s="87"/>
      <c r="AA391" s="87"/>
      <c r="AB391" s="87"/>
      <c r="AC391" s="87"/>
      <c r="AD391" s="87"/>
      <c r="AE391" s="87"/>
      <c r="AF391" s="87"/>
    </row>
    <row r="392" spans="1:34" s="2" customFormat="1" ht="15.95" customHeight="1">
      <c r="O392" s="48"/>
      <c r="P392" s="48"/>
      <c r="Q392" s="48"/>
      <c r="R392" s="48"/>
      <c r="S392" s="48"/>
      <c r="T392" s="48"/>
      <c r="U392" s="48"/>
      <c r="V392" s="48"/>
      <c r="W392" s="48"/>
      <c r="X392" s="48"/>
      <c r="Y392" s="48"/>
      <c r="Z392" s="48"/>
      <c r="AA392" s="48"/>
      <c r="AB392" s="48"/>
      <c r="AC392" s="48"/>
      <c r="AD392" s="48"/>
      <c r="AE392" s="48"/>
      <c r="AF392" s="48"/>
      <c r="AG392" s="43"/>
    </row>
    <row r="393" spans="1:34" s="60" customFormat="1" ht="20.100000000000001" customHeight="1">
      <c r="A393" s="8"/>
      <c r="B393" s="2"/>
      <c r="C393" s="2"/>
      <c r="D393" s="2"/>
      <c r="E393" s="2"/>
      <c r="F393" s="2"/>
      <c r="G393" s="2"/>
      <c r="H393" s="2"/>
      <c r="I393" s="2"/>
      <c r="J393" s="2"/>
      <c r="K393" s="2"/>
      <c r="L393" s="2"/>
      <c r="M393" s="2"/>
      <c r="N393" s="2"/>
      <c r="O393" s="2"/>
      <c r="P393" s="43"/>
      <c r="Q393" s="43"/>
      <c r="R393" s="43"/>
      <c r="S393" s="43"/>
      <c r="T393" s="43"/>
      <c r="U393" s="43"/>
      <c r="V393" s="43"/>
      <c r="W393" s="43"/>
      <c r="X393" s="43"/>
      <c r="Y393" s="43"/>
      <c r="Z393" s="43"/>
      <c r="AA393" s="43"/>
      <c r="AB393" s="43"/>
      <c r="AC393" s="43"/>
      <c r="AD393" s="43"/>
      <c r="AE393" s="43"/>
      <c r="AF393" s="43"/>
      <c r="AG393" s="43"/>
      <c r="AH393" s="2"/>
    </row>
    <row r="394" spans="1:34" s="3" customFormat="1" ht="19.5" customHeight="1">
      <c r="A394" s="60" t="s">
        <v>403</v>
      </c>
      <c r="B394" s="60"/>
      <c r="C394" s="60"/>
      <c r="D394" s="60"/>
      <c r="E394" s="60"/>
      <c r="F394" s="60"/>
      <c r="G394" s="60"/>
      <c r="H394" s="60"/>
      <c r="I394" s="60"/>
      <c r="J394" s="60"/>
      <c r="K394" s="60"/>
      <c r="L394" s="60"/>
      <c r="M394" s="60"/>
      <c r="N394" s="60"/>
      <c r="O394" s="60"/>
      <c r="P394" s="60"/>
      <c r="Q394" s="60"/>
      <c r="R394" s="60"/>
      <c r="S394" s="60"/>
      <c r="T394" s="60"/>
      <c r="U394" s="60"/>
      <c r="V394" s="60"/>
      <c r="W394" s="60"/>
      <c r="X394" s="60"/>
      <c r="Y394" s="60"/>
      <c r="Z394" s="60"/>
      <c r="AA394" s="60"/>
      <c r="AB394" s="60"/>
      <c r="AC394" s="60"/>
      <c r="AD394" s="60"/>
      <c r="AE394" s="60"/>
      <c r="AF394" s="60"/>
      <c r="AG394" s="60"/>
      <c r="AH394" s="60"/>
    </row>
    <row r="395" spans="1:34" s="3" customFormat="1" ht="19.5" customHeight="1">
      <c r="A395" s="214" t="s">
        <v>38</v>
      </c>
      <c r="B395" s="215"/>
      <c r="C395" s="215"/>
      <c r="D395" s="215"/>
      <c r="E395" s="215"/>
      <c r="F395" s="216"/>
      <c r="G395" s="424" t="s">
        <v>17</v>
      </c>
      <c r="H395" s="425"/>
      <c r="I395" s="425"/>
      <c r="J395" s="425"/>
      <c r="K395" s="425"/>
      <c r="L395" s="425"/>
      <c r="M395" s="425"/>
      <c r="N395" s="425"/>
      <c r="O395" s="479"/>
      <c r="P395" s="424" t="s">
        <v>191</v>
      </c>
      <c r="Q395" s="425"/>
      <c r="R395" s="425"/>
      <c r="S395" s="425"/>
      <c r="T395" s="425"/>
      <c r="U395" s="425"/>
      <c r="V395" s="425"/>
      <c r="W395" s="425"/>
      <c r="X395" s="479"/>
      <c r="Y395" s="424" t="s">
        <v>193</v>
      </c>
      <c r="Z395" s="425"/>
      <c r="AA395" s="425"/>
      <c r="AB395" s="425"/>
      <c r="AC395" s="425"/>
      <c r="AD395" s="425"/>
      <c r="AE395" s="425"/>
      <c r="AF395" s="425"/>
      <c r="AG395" s="426"/>
    </row>
    <row r="396" spans="1:34" s="3" customFormat="1" ht="19.5" customHeight="1">
      <c r="A396" s="157" t="s">
        <v>83</v>
      </c>
      <c r="B396" s="158"/>
      <c r="C396" s="158"/>
      <c r="D396" s="158"/>
      <c r="E396" s="158"/>
      <c r="F396" s="159"/>
      <c r="G396" s="148" t="s">
        <v>218</v>
      </c>
      <c r="H396" s="149"/>
      <c r="I396" s="149"/>
      <c r="J396" s="149"/>
      <c r="K396" s="149"/>
      <c r="L396" s="149"/>
      <c r="M396" s="149"/>
      <c r="N396" s="149"/>
      <c r="O396" s="156"/>
      <c r="P396" s="148" t="s">
        <v>192</v>
      </c>
      <c r="Q396" s="149"/>
      <c r="R396" s="149"/>
      <c r="S396" s="149"/>
      <c r="T396" s="149"/>
      <c r="U396" s="149"/>
      <c r="V396" s="149"/>
      <c r="W396" s="149"/>
      <c r="X396" s="156"/>
      <c r="Y396" s="364" t="s">
        <v>219</v>
      </c>
      <c r="Z396" s="365"/>
      <c r="AA396" s="365"/>
      <c r="AB396" s="365"/>
      <c r="AC396" s="365"/>
      <c r="AD396" s="365"/>
      <c r="AE396" s="365"/>
      <c r="AF396" s="365"/>
      <c r="AG396" s="366"/>
    </row>
    <row r="397" spans="1:34" s="48" customFormat="1" ht="18.75" customHeight="1">
      <c r="A397" s="474">
        <v>3</v>
      </c>
      <c r="B397" s="475"/>
      <c r="C397" s="475"/>
      <c r="D397" s="475"/>
      <c r="E397" s="475"/>
      <c r="F397" s="476"/>
      <c r="G397" s="317">
        <v>359</v>
      </c>
      <c r="H397" s="316"/>
      <c r="I397" s="316"/>
      <c r="J397" s="316"/>
      <c r="K397" s="316"/>
      <c r="L397" s="316"/>
      <c r="M397" s="316"/>
      <c r="N397" s="316"/>
      <c r="O397" s="316"/>
      <c r="P397" s="316">
        <v>1860</v>
      </c>
      <c r="Q397" s="316"/>
      <c r="R397" s="316"/>
      <c r="S397" s="316"/>
      <c r="T397" s="316"/>
      <c r="U397" s="316"/>
      <c r="V397" s="316"/>
      <c r="W397" s="316"/>
      <c r="X397" s="316"/>
      <c r="Y397" s="316">
        <v>518</v>
      </c>
      <c r="Z397" s="316"/>
      <c r="AA397" s="316"/>
      <c r="AB397" s="316"/>
      <c r="AC397" s="316"/>
      <c r="AD397" s="316"/>
      <c r="AE397" s="316"/>
      <c r="AF397" s="316"/>
      <c r="AG397" s="781"/>
      <c r="AH397" s="3"/>
    </row>
    <row r="398" spans="1:34" s="3" customFormat="1" ht="18.75" customHeight="1">
      <c r="A398" s="480">
        <v>4</v>
      </c>
      <c r="B398" s="481"/>
      <c r="C398" s="481"/>
      <c r="D398" s="481"/>
      <c r="E398" s="481"/>
      <c r="F398" s="482"/>
      <c r="G398" s="317">
        <v>349</v>
      </c>
      <c r="H398" s="316"/>
      <c r="I398" s="316"/>
      <c r="J398" s="316"/>
      <c r="K398" s="316"/>
      <c r="L398" s="316"/>
      <c r="M398" s="316"/>
      <c r="N398" s="316"/>
      <c r="O398" s="316"/>
      <c r="P398" s="316">
        <v>1840</v>
      </c>
      <c r="Q398" s="316"/>
      <c r="R398" s="316"/>
      <c r="S398" s="316"/>
      <c r="T398" s="316"/>
      <c r="U398" s="316"/>
      <c r="V398" s="316"/>
      <c r="W398" s="316"/>
      <c r="X398" s="316"/>
      <c r="Y398" s="316">
        <v>527</v>
      </c>
      <c r="Z398" s="316"/>
      <c r="AA398" s="316"/>
      <c r="AB398" s="316"/>
      <c r="AC398" s="316"/>
      <c r="AD398" s="316"/>
      <c r="AE398" s="316"/>
      <c r="AF398" s="316"/>
      <c r="AG398" s="781"/>
      <c r="AH398" s="48"/>
    </row>
    <row r="399" spans="1:34" s="3" customFormat="1" ht="18.75" customHeight="1">
      <c r="A399" s="336">
        <v>5</v>
      </c>
      <c r="B399" s="337"/>
      <c r="C399" s="337"/>
      <c r="D399" s="337"/>
      <c r="E399" s="337"/>
      <c r="F399" s="338"/>
      <c r="G399" s="389">
        <v>344</v>
      </c>
      <c r="H399" s="334"/>
      <c r="I399" s="334"/>
      <c r="J399" s="334"/>
      <c r="K399" s="334"/>
      <c r="L399" s="334"/>
      <c r="M399" s="334"/>
      <c r="N399" s="334"/>
      <c r="O399" s="334"/>
      <c r="P399" s="334">
        <v>1830</v>
      </c>
      <c r="Q399" s="334"/>
      <c r="R399" s="334"/>
      <c r="S399" s="334"/>
      <c r="T399" s="334"/>
      <c r="U399" s="334"/>
      <c r="V399" s="334"/>
      <c r="W399" s="334"/>
      <c r="X399" s="334"/>
      <c r="Y399" s="334">
        <v>533</v>
      </c>
      <c r="Z399" s="334"/>
      <c r="AA399" s="334"/>
      <c r="AB399" s="334"/>
      <c r="AC399" s="334"/>
      <c r="AD399" s="334"/>
      <c r="AE399" s="334"/>
      <c r="AF399" s="334"/>
      <c r="AG399" s="335"/>
    </row>
    <row r="400" spans="1:34" s="3" customFormat="1" ht="15.95" customHeight="1">
      <c r="Q400" s="27"/>
      <c r="R400" s="27"/>
      <c r="S400" s="27"/>
      <c r="T400" s="27"/>
      <c r="U400" s="27"/>
      <c r="V400" s="27"/>
      <c r="W400" s="27"/>
      <c r="X400" s="27"/>
      <c r="Y400" s="27"/>
      <c r="Z400" s="27"/>
      <c r="AA400" s="27"/>
      <c r="AB400" s="27"/>
      <c r="AC400" s="27"/>
      <c r="AD400" s="27"/>
      <c r="AE400" s="27"/>
      <c r="AF400" s="27"/>
      <c r="AG400" s="27" t="s">
        <v>180</v>
      </c>
    </row>
    <row r="401" spans="1:34" s="3" customFormat="1" ht="20.100000000000001" customHeight="1">
      <c r="P401" s="43"/>
      <c r="Q401" s="43"/>
      <c r="R401" s="43"/>
      <c r="S401" s="43"/>
      <c r="T401" s="43"/>
      <c r="U401" s="43"/>
      <c r="V401" s="43"/>
      <c r="W401" s="43"/>
      <c r="X401" s="43"/>
      <c r="Y401" s="43"/>
      <c r="Z401" s="43"/>
      <c r="AA401" s="43"/>
      <c r="AB401" s="43"/>
      <c r="AC401" s="43"/>
      <c r="AD401" s="43"/>
      <c r="AE401" s="43"/>
      <c r="AF401" s="43"/>
      <c r="AG401" s="43"/>
    </row>
    <row r="402" spans="1:34" s="3" customFormat="1" ht="15.95" customHeight="1">
      <c r="A402" s="60" t="s">
        <v>404</v>
      </c>
      <c r="B402" s="30"/>
      <c r="C402" s="30"/>
      <c r="D402" s="30"/>
      <c r="E402" s="30"/>
      <c r="F402" s="30"/>
      <c r="G402" s="30"/>
      <c r="H402" s="30"/>
      <c r="I402" s="30"/>
      <c r="J402" s="30"/>
      <c r="K402" s="30"/>
      <c r="L402" s="30"/>
      <c r="M402" s="30"/>
      <c r="N402" s="30"/>
      <c r="O402" s="30"/>
      <c r="P402" s="30"/>
      <c r="Q402" s="30"/>
      <c r="R402" s="30"/>
      <c r="S402" s="30"/>
      <c r="T402" s="30"/>
      <c r="U402" s="30"/>
      <c r="V402" s="30"/>
      <c r="W402" s="30"/>
      <c r="X402" s="30"/>
      <c r="Y402" s="30"/>
      <c r="Z402" s="30"/>
      <c r="AA402" s="30"/>
      <c r="AC402" s="65"/>
      <c r="AD402" s="65"/>
      <c r="AE402" s="65"/>
      <c r="AF402" s="65"/>
      <c r="AG402" s="66" t="s">
        <v>18</v>
      </c>
    </row>
    <row r="403" spans="1:34" s="3" customFormat="1" ht="15.95" customHeight="1">
      <c r="A403" s="214" t="s">
        <v>228</v>
      </c>
      <c r="B403" s="215"/>
      <c r="C403" s="216"/>
      <c r="D403" s="457" t="s">
        <v>264</v>
      </c>
      <c r="E403" s="458"/>
      <c r="F403" s="458"/>
      <c r="G403" s="458"/>
      <c r="H403" s="458"/>
      <c r="I403" s="463"/>
      <c r="J403" s="349" t="s">
        <v>265</v>
      </c>
      <c r="K403" s="350"/>
      <c r="L403" s="350"/>
      <c r="M403" s="350"/>
      <c r="N403" s="350"/>
      <c r="O403" s="350"/>
      <c r="P403" s="350"/>
      <c r="Q403" s="350"/>
      <c r="R403" s="350"/>
      <c r="S403" s="350"/>
      <c r="T403" s="350"/>
      <c r="U403" s="350"/>
      <c r="V403" s="350"/>
      <c r="W403" s="350"/>
      <c r="X403" s="350"/>
      <c r="Y403" s="350"/>
      <c r="Z403" s="350"/>
      <c r="AA403" s="350"/>
      <c r="AB403" s="350"/>
      <c r="AC403" s="350"/>
      <c r="AD403" s="350"/>
      <c r="AE403" s="350"/>
      <c r="AF403" s="350"/>
      <c r="AG403" s="351"/>
    </row>
    <row r="404" spans="1:34" s="3" customFormat="1" ht="15.95" customHeight="1">
      <c r="A404" s="377"/>
      <c r="B404" s="378"/>
      <c r="C404" s="379"/>
      <c r="D404" s="353" t="s">
        <v>266</v>
      </c>
      <c r="E404" s="354"/>
      <c r="F404" s="355"/>
      <c r="G404" s="353" t="s">
        <v>267</v>
      </c>
      <c r="H404" s="354"/>
      <c r="I404" s="355"/>
      <c r="J404" s="353" t="s">
        <v>268</v>
      </c>
      <c r="K404" s="354"/>
      <c r="L404" s="355"/>
      <c r="M404" s="713" t="s">
        <v>269</v>
      </c>
      <c r="N404" s="714"/>
      <c r="O404" s="715"/>
      <c r="P404" s="468" t="s">
        <v>270</v>
      </c>
      <c r="Q404" s="469"/>
      <c r="R404" s="470"/>
      <c r="S404" s="468" t="s">
        <v>271</v>
      </c>
      <c r="T404" s="469"/>
      <c r="U404" s="470"/>
      <c r="V404" s="468" t="s">
        <v>272</v>
      </c>
      <c r="W404" s="469"/>
      <c r="X404" s="470"/>
      <c r="Y404" s="793" t="s">
        <v>273</v>
      </c>
      <c r="Z404" s="794"/>
      <c r="AA404" s="795"/>
      <c r="AB404" s="468" t="s">
        <v>274</v>
      </c>
      <c r="AC404" s="469"/>
      <c r="AD404" s="470"/>
      <c r="AE404" s="468" t="s">
        <v>227</v>
      </c>
      <c r="AF404" s="469"/>
      <c r="AG404" s="782"/>
    </row>
    <row r="405" spans="1:34" s="3" customFormat="1" ht="20.100000000000001" customHeight="1">
      <c r="A405" s="157" t="s">
        <v>275</v>
      </c>
      <c r="B405" s="158"/>
      <c r="C405" s="159"/>
      <c r="D405" s="356"/>
      <c r="E405" s="357"/>
      <c r="F405" s="358"/>
      <c r="G405" s="356"/>
      <c r="H405" s="357"/>
      <c r="I405" s="358"/>
      <c r="J405" s="356"/>
      <c r="K405" s="357"/>
      <c r="L405" s="358"/>
      <c r="M405" s="716"/>
      <c r="N405" s="717"/>
      <c r="O405" s="718"/>
      <c r="P405" s="471"/>
      <c r="Q405" s="472"/>
      <c r="R405" s="473"/>
      <c r="S405" s="471"/>
      <c r="T405" s="472"/>
      <c r="U405" s="473"/>
      <c r="V405" s="471"/>
      <c r="W405" s="472"/>
      <c r="X405" s="473"/>
      <c r="Y405" s="796"/>
      <c r="Z405" s="797"/>
      <c r="AA405" s="798"/>
      <c r="AB405" s="471"/>
      <c r="AC405" s="472"/>
      <c r="AD405" s="473"/>
      <c r="AE405" s="471"/>
      <c r="AF405" s="472"/>
      <c r="AG405" s="783"/>
    </row>
    <row r="406" spans="1:34" s="3" customFormat="1" ht="18.75" customHeight="1">
      <c r="A406" s="906">
        <v>4</v>
      </c>
      <c r="B406" s="907"/>
      <c r="C406" s="908"/>
      <c r="D406" s="461">
        <v>39</v>
      </c>
      <c r="E406" s="444"/>
      <c r="F406" s="444"/>
      <c r="G406" s="397">
        <v>5979</v>
      </c>
      <c r="H406" s="397"/>
      <c r="I406" s="397"/>
      <c r="J406" s="444">
        <v>88</v>
      </c>
      <c r="K406" s="444"/>
      <c r="L406" s="444"/>
      <c r="M406" s="462">
        <v>7</v>
      </c>
      <c r="N406" s="462"/>
      <c r="O406" s="462"/>
      <c r="P406" s="295" t="s">
        <v>152</v>
      </c>
      <c r="Q406" s="295"/>
      <c r="R406" s="295"/>
      <c r="S406" s="462">
        <v>15</v>
      </c>
      <c r="T406" s="462"/>
      <c r="U406" s="462"/>
      <c r="V406" s="295" t="s">
        <v>152</v>
      </c>
      <c r="W406" s="295"/>
      <c r="X406" s="295"/>
      <c r="Y406" s="316">
        <v>5715</v>
      </c>
      <c r="Z406" s="316"/>
      <c r="AA406" s="316"/>
      <c r="AB406" s="295" t="s">
        <v>152</v>
      </c>
      <c r="AC406" s="295"/>
      <c r="AD406" s="295"/>
      <c r="AE406" s="462">
        <v>154</v>
      </c>
      <c r="AF406" s="462"/>
      <c r="AG406" s="743"/>
    </row>
    <row r="407" spans="1:34" s="3" customFormat="1" ht="18.75" customHeight="1">
      <c r="A407" s="768">
        <v>5</v>
      </c>
      <c r="B407" s="769"/>
      <c r="C407" s="770"/>
      <c r="D407" s="465">
        <v>86</v>
      </c>
      <c r="E407" s="466"/>
      <c r="F407" s="466"/>
      <c r="G407" s="397">
        <v>542</v>
      </c>
      <c r="H407" s="397"/>
      <c r="I407" s="397"/>
      <c r="J407" s="466">
        <v>79</v>
      </c>
      <c r="K407" s="466"/>
      <c r="L407" s="466"/>
      <c r="M407" s="345">
        <v>47</v>
      </c>
      <c r="N407" s="345"/>
      <c r="O407" s="345"/>
      <c r="P407" s="347" t="s">
        <v>152</v>
      </c>
      <c r="Q407" s="347"/>
      <c r="R407" s="347"/>
      <c r="S407" s="347" t="s">
        <v>152</v>
      </c>
      <c r="T407" s="347"/>
      <c r="U407" s="347"/>
      <c r="V407" s="345">
        <v>0</v>
      </c>
      <c r="W407" s="345"/>
      <c r="X407" s="345"/>
      <c r="Y407" s="346">
        <v>49</v>
      </c>
      <c r="Z407" s="346"/>
      <c r="AA407" s="346"/>
      <c r="AB407" s="347" t="s">
        <v>152</v>
      </c>
      <c r="AC407" s="347"/>
      <c r="AD407" s="347"/>
      <c r="AE407" s="345">
        <v>368</v>
      </c>
      <c r="AF407" s="345"/>
      <c r="AG407" s="348"/>
    </row>
    <row r="408" spans="1:34" s="2" customFormat="1" ht="18.75" customHeight="1">
      <c r="A408" s="771">
        <v>6</v>
      </c>
      <c r="B408" s="772"/>
      <c r="C408" s="773"/>
      <c r="D408" s="774">
        <v>149</v>
      </c>
      <c r="E408" s="467"/>
      <c r="F408" s="467"/>
      <c r="G408" s="315">
        <v>1166.9169999999999</v>
      </c>
      <c r="H408" s="315"/>
      <c r="I408" s="315"/>
      <c r="J408" s="467">
        <v>14.479999999999999</v>
      </c>
      <c r="K408" s="467"/>
      <c r="L408" s="467"/>
      <c r="M408" s="352" t="s">
        <v>364</v>
      </c>
      <c r="N408" s="352"/>
      <c r="O408" s="352"/>
      <c r="P408" s="722">
        <v>37.880000000000003</v>
      </c>
      <c r="Q408" s="722"/>
      <c r="R408" s="722"/>
      <c r="S408" s="352" t="s">
        <v>152</v>
      </c>
      <c r="T408" s="352"/>
      <c r="U408" s="352"/>
      <c r="V408" s="352" t="s">
        <v>152</v>
      </c>
      <c r="W408" s="352"/>
      <c r="X408" s="352"/>
      <c r="Y408" s="722">
        <v>720.42</v>
      </c>
      <c r="Z408" s="722"/>
      <c r="AA408" s="722"/>
      <c r="AB408" s="352" t="s">
        <v>152</v>
      </c>
      <c r="AC408" s="352"/>
      <c r="AD408" s="352"/>
      <c r="AE408" s="722">
        <v>394.13699999999989</v>
      </c>
      <c r="AF408" s="722"/>
      <c r="AG408" s="784"/>
      <c r="AH408" s="3"/>
    </row>
    <row r="409" spans="1:34" s="2" customFormat="1" ht="15.95" customHeight="1">
      <c r="A409" s="108" t="s">
        <v>309</v>
      </c>
      <c r="B409" s="42"/>
      <c r="D409" s="42"/>
      <c r="E409" s="42"/>
      <c r="F409" s="42"/>
      <c r="G409" s="42"/>
      <c r="H409" s="42"/>
      <c r="I409" s="42"/>
      <c r="J409" s="42"/>
      <c r="K409" s="59"/>
      <c r="L409" s="59"/>
      <c r="M409" s="59"/>
      <c r="N409" s="59"/>
      <c r="O409" s="59"/>
      <c r="P409" s="42"/>
      <c r="Q409" s="42"/>
      <c r="R409" s="42"/>
      <c r="S409" s="42"/>
      <c r="T409" s="42"/>
      <c r="U409" s="42"/>
      <c r="V409" s="42"/>
      <c r="AB409" s="43"/>
      <c r="AC409" s="43"/>
      <c r="AD409" s="43"/>
      <c r="AE409" s="43"/>
      <c r="AF409" s="43"/>
      <c r="AG409" s="43" t="s">
        <v>19</v>
      </c>
    </row>
    <row r="410" spans="1:34" s="60" customFormat="1" ht="20.100000000000001" customHeight="1">
      <c r="A410" s="42"/>
      <c r="B410" s="42"/>
      <c r="C410" s="2"/>
      <c r="D410" s="42"/>
      <c r="E410" s="42"/>
      <c r="F410" s="42"/>
      <c r="G410" s="42"/>
      <c r="H410" s="42"/>
      <c r="I410" s="42"/>
      <c r="J410" s="42"/>
      <c r="K410" s="42"/>
      <c r="L410" s="42"/>
      <c r="M410" s="42"/>
      <c r="N410" s="42"/>
      <c r="O410" s="42"/>
      <c r="P410" s="42"/>
      <c r="Q410" s="42"/>
      <c r="R410" s="42"/>
      <c r="S410" s="42"/>
      <c r="T410" s="42"/>
      <c r="U410" s="42"/>
      <c r="V410" s="42"/>
      <c r="W410" s="2"/>
      <c r="X410" s="2"/>
      <c r="Y410" s="2"/>
      <c r="Z410" s="2"/>
      <c r="AA410" s="2"/>
      <c r="AB410" s="43"/>
      <c r="AC410" s="43"/>
      <c r="AD410" s="43"/>
      <c r="AE410" s="43"/>
      <c r="AF410" s="43"/>
      <c r="AG410" s="43"/>
      <c r="AH410" s="2"/>
    </row>
    <row r="411" spans="1:34" s="3" customFormat="1" ht="15.95" customHeight="1">
      <c r="A411" s="60" t="s">
        <v>405</v>
      </c>
      <c r="B411" s="60"/>
      <c r="C411" s="60"/>
      <c r="D411" s="60"/>
      <c r="E411" s="60"/>
      <c r="F411" s="60"/>
      <c r="G411" s="60"/>
      <c r="H411" s="60"/>
      <c r="I411" s="60"/>
      <c r="J411" s="60"/>
      <c r="K411" s="60"/>
      <c r="L411" s="60"/>
      <c r="M411" s="60"/>
      <c r="N411" s="60"/>
      <c r="O411" s="60"/>
      <c r="P411" s="60"/>
      <c r="Q411" s="60"/>
      <c r="R411" s="60"/>
      <c r="S411" s="60"/>
      <c r="T411" s="60"/>
      <c r="U411" s="60"/>
      <c r="V411" s="60"/>
      <c r="W411" s="60"/>
      <c r="X411" s="60"/>
      <c r="Y411" s="60"/>
      <c r="Z411" s="60"/>
      <c r="AA411" s="60"/>
      <c r="AB411" s="60"/>
      <c r="AC411" s="60"/>
      <c r="AD411" s="60"/>
      <c r="AE411" s="60"/>
      <c r="AF411" s="60"/>
      <c r="AG411" s="60"/>
      <c r="AH411" s="60"/>
    </row>
    <row r="412" spans="1:34" s="3" customFormat="1" ht="15.95" customHeight="1">
      <c r="B412" s="3" t="s">
        <v>126</v>
      </c>
      <c r="AD412" s="65"/>
      <c r="AE412" s="65"/>
      <c r="AF412" s="65"/>
      <c r="AG412" s="66" t="s">
        <v>20</v>
      </c>
    </row>
    <row r="413" spans="1:34" s="3" customFormat="1" ht="15.95" customHeight="1">
      <c r="A413" s="214" t="s">
        <v>38</v>
      </c>
      <c r="B413" s="215"/>
      <c r="C413" s="215"/>
      <c r="D413" s="215"/>
      <c r="E413" s="216"/>
      <c r="F413" s="349" t="s">
        <v>128</v>
      </c>
      <c r="G413" s="788"/>
      <c r="H413" s="788"/>
      <c r="I413" s="788"/>
      <c r="J413" s="788"/>
      <c r="K413" s="788"/>
      <c r="L413" s="788"/>
      <c r="M413" s="788"/>
      <c r="N413" s="788"/>
      <c r="O413" s="788"/>
      <c r="P413" s="788"/>
      <c r="Q413" s="788"/>
      <c r="R413" s="788"/>
      <c r="S413" s="789"/>
      <c r="T413" s="349" t="s">
        <v>167</v>
      </c>
      <c r="U413" s="350"/>
      <c r="V413" s="350"/>
      <c r="W413" s="350"/>
      <c r="X413" s="350"/>
      <c r="Y413" s="350"/>
      <c r="Z413" s="350"/>
      <c r="AA413" s="350"/>
      <c r="AB413" s="350"/>
      <c r="AC413" s="350"/>
      <c r="AD413" s="350"/>
      <c r="AE413" s="350"/>
      <c r="AF413" s="350"/>
      <c r="AG413" s="351"/>
    </row>
    <row r="414" spans="1:34" s="3" customFormat="1" ht="20.100000000000001" customHeight="1">
      <c r="A414" s="157" t="s">
        <v>169</v>
      </c>
      <c r="B414" s="158"/>
      <c r="C414" s="158"/>
      <c r="D414" s="158"/>
      <c r="E414" s="159"/>
      <c r="F414" s="145" t="s">
        <v>339</v>
      </c>
      <c r="G414" s="146"/>
      <c r="H414" s="146"/>
      <c r="I414" s="146"/>
      <c r="J414" s="146"/>
      <c r="K414" s="146"/>
      <c r="L414" s="146"/>
      <c r="M414" s="146"/>
      <c r="N414" s="146"/>
      <c r="O414" s="146"/>
      <c r="P414" s="146"/>
      <c r="Q414" s="146"/>
      <c r="R414" s="146"/>
      <c r="S414" s="147"/>
      <c r="T414" s="145" t="s">
        <v>339</v>
      </c>
      <c r="U414" s="146"/>
      <c r="V414" s="146"/>
      <c r="W414" s="146"/>
      <c r="X414" s="146"/>
      <c r="Y414" s="146"/>
      <c r="Z414" s="146"/>
      <c r="AA414" s="146"/>
      <c r="AB414" s="146"/>
      <c r="AC414" s="146"/>
      <c r="AD414" s="146"/>
      <c r="AE414" s="146"/>
      <c r="AF414" s="146"/>
      <c r="AG414" s="464"/>
    </row>
    <row r="415" spans="1:34" s="3" customFormat="1" ht="18.75" customHeight="1">
      <c r="A415" s="384">
        <v>22</v>
      </c>
      <c r="B415" s="385"/>
      <c r="C415" s="385"/>
      <c r="D415" s="385"/>
      <c r="E415" s="386"/>
      <c r="F415" s="339">
        <v>47</v>
      </c>
      <c r="G415" s="340"/>
      <c r="H415" s="340"/>
      <c r="I415" s="340"/>
      <c r="J415" s="340"/>
      <c r="K415" s="340"/>
      <c r="L415" s="340"/>
      <c r="M415" s="340"/>
      <c r="N415" s="340"/>
      <c r="O415" s="340"/>
      <c r="P415" s="340"/>
      <c r="Q415" s="340"/>
      <c r="R415" s="340"/>
      <c r="S415" s="748"/>
      <c r="T415" s="342">
        <v>461</v>
      </c>
      <c r="U415" s="343"/>
      <c r="V415" s="343"/>
      <c r="W415" s="343"/>
      <c r="X415" s="343"/>
      <c r="Y415" s="343"/>
      <c r="Z415" s="343"/>
      <c r="AA415" s="343"/>
      <c r="AB415" s="343"/>
      <c r="AC415" s="343"/>
      <c r="AD415" s="343"/>
      <c r="AE415" s="343"/>
      <c r="AF415" s="343"/>
      <c r="AG415" s="344"/>
    </row>
    <row r="416" spans="1:34" s="3" customFormat="1" ht="18.75" customHeight="1">
      <c r="A416" s="331">
        <v>27</v>
      </c>
      <c r="B416" s="332"/>
      <c r="C416" s="332"/>
      <c r="D416" s="332"/>
      <c r="E416" s="333"/>
      <c r="F416" s="339">
        <v>36</v>
      </c>
      <c r="G416" s="340"/>
      <c r="H416" s="340"/>
      <c r="I416" s="340"/>
      <c r="J416" s="340"/>
      <c r="K416" s="340"/>
      <c r="L416" s="340"/>
      <c r="M416" s="340"/>
      <c r="N416" s="340"/>
      <c r="O416" s="340"/>
      <c r="P416" s="340"/>
      <c r="Q416" s="340"/>
      <c r="R416" s="340"/>
      <c r="S416" s="748"/>
      <c r="T416" s="339">
        <v>385</v>
      </c>
      <c r="U416" s="340"/>
      <c r="V416" s="340"/>
      <c r="W416" s="340"/>
      <c r="X416" s="340"/>
      <c r="Y416" s="340"/>
      <c r="Z416" s="340"/>
      <c r="AA416" s="340"/>
      <c r="AB416" s="340"/>
      <c r="AC416" s="340"/>
      <c r="AD416" s="340"/>
      <c r="AE416" s="340"/>
      <c r="AF416" s="340"/>
      <c r="AG416" s="341"/>
    </row>
    <row r="417" spans="1:34" s="2" customFormat="1" ht="18.75" customHeight="1">
      <c r="A417" s="361" t="s">
        <v>386</v>
      </c>
      <c r="B417" s="362"/>
      <c r="C417" s="362"/>
      <c r="D417" s="362"/>
      <c r="E417" s="363"/>
      <c r="F417" s="490">
        <v>8</v>
      </c>
      <c r="G417" s="491"/>
      <c r="H417" s="491"/>
      <c r="I417" s="491"/>
      <c r="J417" s="491"/>
      <c r="K417" s="491"/>
      <c r="L417" s="491"/>
      <c r="M417" s="491"/>
      <c r="N417" s="491"/>
      <c r="O417" s="491"/>
      <c r="P417" s="491"/>
      <c r="Q417" s="491"/>
      <c r="R417" s="491"/>
      <c r="S417" s="492"/>
      <c r="T417" s="491">
        <v>88</v>
      </c>
      <c r="U417" s="491"/>
      <c r="V417" s="491"/>
      <c r="W417" s="491"/>
      <c r="X417" s="491"/>
      <c r="Y417" s="491"/>
      <c r="Z417" s="491"/>
      <c r="AA417" s="491"/>
      <c r="AB417" s="491"/>
      <c r="AC417" s="491"/>
      <c r="AD417" s="491"/>
      <c r="AE417" s="491"/>
      <c r="AF417" s="491"/>
      <c r="AG417" s="764"/>
      <c r="AH417" s="3"/>
    </row>
    <row r="418" spans="1:34" s="2" customFormat="1" ht="13.5" customHeight="1">
      <c r="A418" s="8" t="s">
        <v>381</v>
      </c>
      <c r="P418" s="43"/>
      <c r="Q418" s="43"/>
      <c r="R418" s="43"/>
      <c r="S418" s="43"/>
      <c r="T418" s="43"/>
      <c r="U418" s="43"/>
      <c r="V418" s="43"/>
      <c r="W418" s="43"/>
      <c r="X418" s="43"/>
      <c r="Y418" s="43"/>
      <c r="Z418" s="43"/>
      <c r="AA418" s="43"/>
      <c r="AB418" s="43"/>
      <c r="AC418" s="43"/>
      <c r="AD418" s="43"/>
      <c r="AE418" s="43"/>
      <c r="AF418" s="43"/>
      <c r="AG418" s="43" t="s">
        <v>301</v>
      </c>
    </row>
    <row r="419" spans="1:34" s="2" customFormat="1" ht="15.95" customHeight="1">
      <c r="A419" s="41"/>
      <c r="B419" s="34"/>
      <c r="C419" s="34"/>
      <c r="D419" s="34"/>
      <c r="G419" s="62"/>
      <c r="H419" s="62"/>
      <c r="I419" s="62"/>
      <c r="J419" s="62"/>
      <c r="K419" s="62"/>
      <c r="N419" s="62"/>
      <c r="O419" s="62"/>
      <c r="P419" s="43"/>
      <c r="Q419" s="43"/>
      <c r="R419" s="43"/>
      <c r="S419" s="43"/>
      <c r="T419" s="43"/>
      <c r="U419" s="43"/>
      <c r="V419" s="43"/>
      <c r="W419" s="43"/>
      <c r="X419" s="43"/>
      <c r="Y419" s="43"/>
      <c r="Z419" s="43"/>
      <c r="AA419" s="43"/>
      <c r="AB419" s="43"/>
      <c r="AC419" s="43"/>
      <c r="AD419" s="43"/>
      <c r="AE419" s="43"/>
      <c r="AF419" s="43"/>
    </row>
    <row r="420" spans="1:34" s="60" customFormat="1" ht="20.100000000000001" customHeight="1">
      <c r="A420" s="34"/>
      <c r="B420" s="34"/>
      <c r="C420" s="34"/>
      <c r="D420" s="34"/>
      <c r="E420" s="2"/>
      <c r="F420" s="2"/>
      <c r="G420" s="62"/>
      <c r="H420" s="62"/>
      <c r="I420" s="62"/>
      <c r="J420" s="62"/>
      <c r="K420" s="62"/>
      <c r="L420" s="2"/>
      <c r="M420" s="2"/>
      <c r="N420" s="62"/>
      <c r="O420" s="62"/>
      <c r="P420" s="43"/>
      <c r="Q420" s="43"/>
      <c r="R420" s="43"/>
      <c r="S420" s="43"/>
      <c r="T420" s="43"/>
      <c r="U420" s="43"/>
      <c r="V420" s="43"/>
      <c r="W420" s="43"/>
      <c r="X420" s="43"/>
      <c r="Y420" s="43"/>
      <c r="Z420" s="43"/>
      <c r="AA420" s="43"/>
      <c r="AB420" s="43"/>
      <c r="AC420" s="43"/>
      <c r="AD420" s="43"/>
      <c r="AE420" s="43"/>
      <c r="AF420" s="43"/>
      <c r="AG420" s="43"/>
      <c r="AH420" s="2"/>
    </row>
    <row r="421" spans="1:34" s="3" customFormat="1" ht="15.95" customHeight="1">
      <c r="A421" s="60" t="s">
        <v>406</v>
      </c>
      <c r="B421" s="60"/>
      <c r="C421" s="60"/>
      <c r="D421" s="60"/>
      <c r="E421" s="60"/>
      <c r="F421" s="60"/>
      <c r="G421" s="60"/>
      <c r="H421" s="60"/>
      <c r="I421" s="60"/>
      <c r="J421" s="60"/>
      <c r="K421" s="60"/>
      <c r="L421" s="60"/>
      <c r="M421" s="60"/>
      <c r="N421" s="60"/>
      <c r="O421" s="60"/>
      <c r="P421" s="60"/>
      <c r="Q421" s="60"/>
      <c r="R421" s="60"/>
      <c r="S421" s="60"/>
      <c r="T421" s="60"/>
      <c r="U421" s="60"/>
      <c r="V421" s="60"/>
      <c r="W421" s="60"/>
      <c r="X421" s="60"/>
      <c r="Y421" s="60"/>
      <c r="Z421" s="60"/>
      <c r="AA421" s="60"/>
      <c r="AB421" s="60"/>
      <c r="AC421" s="60"/>
      <c r="AD421" s="60"/>
      <c r="AE421" s="60"/>
      <c r="AF421" s="60"/>
      <c r="AG421" s="60"/>
      <c r="AH421" s="60"/>
    </row>
    <row r="422" spans="1:34" s="3" customFormat="1" ht="15.95" customHeight="1">
      <c r="B422" s="3" t="s">
        <v>21</v>
      </c>
      <c r="AG422" s="66" t="s">
        <v>22</v>
      </c>
    </row>
    <row r="423" spans="1:34" s="3" customFormat="1" ht="15.95" customHeight="1">
      <c r="A423" s="214" t="s">
        <v>228</v>
      </c>
      <c r="B423" s="215"/>
      <c r="C423" s="215"/>
      <c r="D423" s="215"/>
      <c r="E423" s="216"/>
      <c r="F423" s="493" t="s">
        <v>233</v>
      </c>
      <c r="G423" s="494"/>
      <c r="H423" s="494"/>
      <c r="I423" s="494"/>
      <c r="J423" s="494"/>
      <c r="K423" s="494"/>
      <c r="L423" s="495"/>
      <c r="M423" s="493" t="s">
        <v>259</v>
      </c>
      <c r="N423" s="494"/>
      <c r="O423" s="494"/>
      <c r="P423" s="494"/>
      <c r="Q423" s="494"/>
      <c r="R423" s="494"/>
      <c r="S423" s="495"/>
      <c r="T423" s="457" t="s">
        <v>260</v>
      </c>
      <c r="U423" s="458"/>
      <c r="V423" s="458"/>
      <c r="W423" s="458"/>
      <c r="X423" s="458"/>
      <c r="Y423" s="458"/>
      <c r="Z423" s="458"/>
      <c r="AA423" s="458"/>
      <c r="AB423" s="458"/>
      <c r="AC423" s="458"/>
      <c r="AD423" s="458"/>
      <c r="AE423" s="458"/>
      <c r="AF423" s="458"/>
      <c r="AG423" s="459"/>
    </row>
    <row r="424" spans="1:34" s="3" customFormat="1" ht="20.100000000000001" customHeight="1">
      <c r="A424" s="157" t="s">
        <v>232</v>
      </c>
      <c r="B424" s="158"/>
      <c r="C424" s="158"/>
      <c r="D424" s="158"/>
      <c r="E424" s="159"/>
      <c r="F424" s="496"/>
      <c r="G424" s="497"/>
      <c r="H424" s="497"/>
      <c r="I424" s="497"/>
      <c r="J424" s="497"/>
      <c r="K424" s="497"/>
      <c r="L424" s="498"/>
      <c r="M424" s="496"/>
      <c r="N424" s="497"/>
      <c r="O424" s="497"/>
      <c r="P424" s="497"/>
      <c r="Q424" s="497"/>
      <c r="R424" s="497"/>
      <c r="S424" s="498"/>
      <c r="T424" s="445" t="s">
        <v>261</v>
      </c>
      <c r="U424" s="446"/>
      <c r="V424" s="446"/>
      <c r="W424" s="446"/>
      <c r="X424" s="446"/>
      <c r="Y424" s="446"/>
      <c r="Z424" s="447"/>
      <c r="AA424" s="445" t="s">
        <v>262</v>
      </c>
      <c r="AB424" s="446"/>
      <c r="AC424" s="446"/>
      <c r="AD424" s="446"/>
      <c r="AE424" s="446"/>
      <c r="AF424" s="446"/>
      <c r="AG424" s="767"/>
    </row>
    <row r="425" spans="1:34" s="3" customFormat="1" ht="18.75" customHeight="1">
      <c r="A425" s="705">
        <v>4</v>
      </c>
      <c r="B425" s="706"/>
      <c r="C425" s="706"/>
      <c r="D425" s="706"/>
      <c r="E425" s="707"/>
      <c r="F425" s="499">
        <v>29</v>
      </c>
      <c r="G425" s="460"/>
      <c r="H425" s="460"/>
      <c r="I425" s="460"/>
      <c r="J425" s="460"/>
      <c r="K425" s="460"/>
      <c r="L425" s="460"/>
      <c r="M425" s="460">
        <v>27.4</v>
      </c>
      <c r="N425" s="460"/>
      <c r="O425" s="460"/>
      <c r="P425" s="460"/>
      <c r="Q425" s="460"/>
      <c r="R425" s="460"/>
      <c r="S425" s="460"/>
      <c r="T425" s="460">
        <v>1</v>
      </c>
      <c r="U425" s="460"/>
      <c r="V425" s="460"/>
      <c r="W425" s="460"/>
      <c r="X425" s="460"/>
      <c r="Y425" s="460"/>
      <c r="Z425" s="460"/>
      <c r="AA425" s="293">
        <v>0.6</v>
      </c>
      <c r="AB425" s="293"/>
      <c r="AC425" s="293"/>
      <c r="AD425" s="293"/>
      <c r="AE425" s="293"/>
      <c r="AF425" s="293"/>
      <c r="AG425" s="456"/>
    </row>
    <row r="426" spans="1:34" s="3" customFormat="1" ht="18.75" customHeight="1">
      <c r="A426" s="331">
        <v>5</v>
      </c>
      <c r="B426" s="332"/>
      <c r="C426" s="332"/>
      <c r="D426" s="332"/>
      <c r="E426" s="333"/>
      <c r="F426" s="499">
        <v>29.2</v>
      </c>
      <c r="G426" s="460"/>
      <c r="H426" s="460"/>
      <c r="I426" s="460"/>
      <c r="J426" s="460"/>
      <c r="K426" s="460"/>
      <c r="L426" s="460"/>
      <c r="M426" s="489">
        <v>28.5</v>
      </c>
      <c r="N426" s="489"/>
      <c r="O426" s="489"/>
      <c r="P426" s="489"/>
      <c r="Q426" s="489"/>
      <c r="R426" s="489"/>
      <c r="S426" s="489"/>
      <c r="T426" s="489">
        <v>0.7</v>
      </c>
      <c r="U426" s="489"/>
      <c r="V426" s="489"/>
      <c r="W426" s="489"/>
      <c r="X426" s="489"/>
      <c r="Y426" s="489"/>
      <c r="Z426" s="489"/>
      <c r="AA426" s="765">
        <v>0</v>
      </c>
      <c r="AB426" s="765"/>
      <c r="AC426" s="765"/>
      <c r="AD426" s="765"/>
      <c r="AE426" s="765"/>
      <c r="AF426" s="765"/>
      <c r="AG426" s="766"/>
    </row>
    <row r="427" spans="1:34" s="2" customFormat="1" ht="18.75" customHeight="1">
      <c r="A427" s="361">
        <v>6</v>
      </c>
      <c r="B427" s="362"/>
      <c r="C427" s="362"/>
      <c r="D427" s="362"/>
      <c r="E427" s="363"/>
      <c r="F427" s="477">
        <v>28.7</v>
      </c>
      <c r="G427" s="478"/>
      <c r="H427" s="478"/>
      <c r="I427" s="478"/>
      <c r="J427" s="478"/>
      <c r="K427" s="478"/>
      <c r="L427" s="478"/>
      <c r="M427" s="423">
        <v>27.6</v>
      </c>
      <c r="N427" s="423"/>
      <c r="O427" s="423"/>
      <c r="P427" s="423"/>
      <c r="Q427" s="423"/>
      <c r="R427" s="423"/>
      <c r="S427" s="423"/>
      <c r="T427" s="423">
        <v>0.9</v>
      </c>
      <c r="U427" s="423"/>
      <c r="V427" s="423"/>
      <c r="W427" s="423"/>
      <c r="X427" s="423"/>
      <c r="Y427" s="423"/>
      <c r="Z427" s="423"/>
      <c r="AA427" s="454">
        <v>0.2</v>
      </c>
      <c r="AB427" s="454"/>
      <c r="AC427" s="454"/>
      <c r="AD427" s="454"/>
      <c r="AE427" s="454"/>
      <c r="AF427" s="454"/>
      <c r="AG427" s="455"/>
      <c r="AH427" s="3"/>
    </row>
    <row r="428" spans="1:34" s="2" customFormat="1" ht="15.95" customHeight="1">
      <c r="X428" s="43"/>
      <c r="Y428" s="43"/>
      <c r="Z428" s="43"/>
      <c r="AA428" s="43"/>
      <c r="AB428" s="43"/>
      <c r="AC428" s="43"/>
      <c r="AD428" s="43"/>
      <c r="AE428" s="43"/>
      <c r="AF428" s="43"/>
      <c r="AG428" s="27" t="s">
        <v>263</v>
      </c>
    </row>
    <row r="429" spans="1:34" s="3" customFormat="1" ht="20.100000000000001" customHeight="1">
      <c r="A429" s="2"/>
      <c r="B429" s="2"/>
      <c r="C429" s="2"/>
      <c r="D429" s="2"/>
      <c r="E429" s="2"/>
      <c r="F429" s="2"/>
      <c r="G429" s="2"/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43"/>
      <c r="Y429" s="43"/>
      <c r="Z429" s="43"/>
      <c r="AA429" s="43"/>
      <c r="AB429" s="43"/>
      <c r="AC429" s="43"/>
      <c r="AD429" s="43"/>
      <c r="AE429" s="43"/>
      <c r="AF429" s="43"/>
      <c r="AG429" s="43"/>
      <c r="AH429" s="2"/>
    </row>
    <row r="430" spans="1:34" s="3" customFormat="1" ht="15.95" customHeight="1">
      <c r="A430" s="60" t="s">
        <v>407</v>
      </c>
      <c r="AG430" s="66" t="s">
        <v>24</v>
      </c>
    </row>
    <row r="431" spans="1:34" s="3" customFormat="1" ht="15.95" customHeight="1">
      <c r="A431" s="214" t="s">
        <v>228</v>
      </c>
      <c r="B431" s="215"/>
      <c r="C431" s="215"/>
      <c r="D431" s="215"/>
      <c r="E431" s="216"/>
      <c r="F431" s="403" t="s">
        <v>233</v>
      </c>
      <c r="G431" s="404"/>
      <c r="H431" s="404"/>
      <c r="I431" s="500"/>
      <c r="J431" s="505" t="s">
        <v>250</v>
      </c>
      <c r="K431" s="506"/>
      <c r="L431" s="507"/>
      <c r="M431" s="505" t="s">
        <v>251</v>
      </c>
      <c r="N431" s="506"/>
      <c r="O431" s="507"/>
      <c r="P431" s="775" t="s">
        <v>252</v>
      </c>
      <c r="Q431" s="776"/>
      <c r="R431" s="777"/>
      <c r="S431" s="578" t="s">
        <v>253</v>
      </c>
      <c r="T431" s="579"/>
      <c r="U431" s="579"/>
      <c r="V431" s="579"/>
      <c r="W431" s="579"/>
      <c r="X431" s="579"/>
      <c r="Y431" s="579"/>
      <c r="Z431" s="579"/>
      <c r="AA431" s="579"/>
      <c r="AB431" s="579"/>
      <c r="AC431" s="579"/>
      <c r="AD431" s="580"/>
      <c r="AE431" s="505" t="s">
        <v>254</v>
      </c>
      <c r="AF431" s="506"/>
      <c r="AG431" s="709"/>
    </row>
    <row r="432" spans="1:34" s="3" customFormat="1" ht="20.100000000000001" customHeight="1">
      <c r="A432" s="157" t="s">
        <v>249</v>
      </c>
      <c r="B432" s="158"/>
      <c r="C432" s="158"/>
      <c r="D432" s="158"/>
      <c r="E432" s="159"/>
      <c r="F432" s="501"/>
      <c r="G432" s="502"/>
      <c r="H432" s="502"/>
      <c r="I432" s="503"/>
      <c r="J432" s="356"/>
      <c r="K432" s="357"/>
      <c r="L432" s="358"/>
      <c r="M432" s="356"/>
      <c r="N432" s="357"/>
      <c r="O432" s="358"/>
      <c r="P432" s="716"/>
      <c r="Q432" s="717"/>
      <c r="R432" s="718"/>
      <c r="S432" s="484" t="s">
        <v>255</v>
      </c>
      <c r="T432" s="485"/>
      <c r="U432" s="486"/>
      <c r="V432" s="484" t="s">
        <v>256</v>
      </c>
      <c r="W432" s="485"/>
      <c r="X432" s="486"/>
      <c r="Y432" s="484" t="s">
        <v>257</v>
      </c>
      <c r="Z432" s="485"/>
      <c r="AA432" s="486"/>
      <c r="AB432" s="484" t="s">
        <v>258</v>
      </c>
      <c r="AC432" s="485"/>
      <c r="AD432" s="486"/>
      <c r="AE432" s="356"/>
      <c r="AF432" s="357"/>
      <c r="AG432" s="710"/>
    </row>
    <row r="433" spans="1:34" s="3" customFormat="1" ht="18.75" customHeight="1">
      <c r="A433" s="705">
        <v>4</v>
      </c>
      <c r="B433" s="706"/>
      <c r="C433" s="706"/>
      <c r="D433" s="706"/>
      <c r="E433" s="707"/>
      <c r="F433" s="417">
        <v>22081</v>
      </c>
      <c r="G433" s="418"/>
      <c r="H433" s="418"/>
      <c r="I433" s="418"/>
      <c r="J433" s="416">
        <v>12141</v>
      </c>
      <c r="K433" s="416"/>
      <c r="L433" s="416"/>
      <c r="M433" s="416">
        <v>5270</v>
      </c>
      <c r="N433" s="416"/>
      <c r="O433" s="416"/>
      <c r="P433" s="416">
        <v>855</v>
      </c>
      <c r="Q433" s="416"/>
      <c r="R433" s="416"/>
      <c r="S433" s="416">
        <v>460</v>
      </c>
      <c r="T433" s="416"/>
      <c r="U433" s="416"/>
      <c r="V433" s="416">
        <v>460</v>
      </c>
      <c r="W433" s="416"/>
      <c r="X433" s="416"/>
      <c r="Y433" s="799" t="s">
        <v>152</v>
      </c>
      <c r="Z433" s="799"/>
      <c r="AA433" s="799"/>
      <c r="AB433" s="741" t="s">
        <v>152</v>
      </c>
      <c r="AC433" s="741"/>
      <c r="AD433" s="741"/>
      <c r="AE433" s="416">
        <v>3355</v>
      </c>
      <c r="AF433" s="416"/>
      <c r="AG433" s="483"/>
    </row>
    <row r="434" spans="1:34" s="3" customFormat="1" ht="18.75" customHeight="1">
      <c r="A434" s="331">
        <v>5</v>
      </c>
      <c r="B434" s="332"/>
      <c r="C434" s="332"/>
      <c r="D434" s="332"/>
      <c r="E434" s="333"/>
      <c r="F434" s="759">
        <v>21630</v>
      </c>
      <c r="G434" s="416"/>
      <c r="H434" s="416"/>
      <c r="I434" s="416"/>
      <c r="J434" s="416">
        <v>12000</v>
      </c>
      <c r="K434" s="416"/>
      <c r="L434" s="416"/>
      <c r="M434" s="416">
        <v>5000</v>
      </c>
      <c r="N434" s="416"/>
      <c r="O434" s="416"/>
      <c r="P434" s="416">
        <v>850</v>
      </c>
      <c r="Q434" s="416"/>
      <c r="R434" s="416"/>
      <c r="S434" s="416">
        <v>460</v>
      </c>
      <c r="T434" s="416"/>
      <c r="U434" s="416"/>
      <c r="V434" s="416">
        <v>460</v>
      </c>
      <c r="W434" s="416"/>
      <c r="X434" s="416"/>
      <c r="Y434" s="741" t="s">
        <v>152</v>
      </c>
      <c r="Z434" s="741"/>
      <c r="AA434" s="741"/>
      <c r="AB434" s="741" t="s">
        <v>152</v>
      </c>
      <c r="AC434" s="741"/>
      <c r="AD434" s="741"/>
      <c r="AE434" s="416">
        <v>3320</v>
      </c>
      <c r="AF434" s="416"/>
      <c r="AG434" s="483"/>
    </row>
    <row r="435" spans="1:34" s="3" customFormat="1" ht="18.75" customHeight="1">
      <c r="A435" s="361">
        <v>6</v>
      </c>
      <c r="B435" s="362"/>
      <c r="C435" s="362"/>
      <c r="D435" s="362"/>
      <c r="E435" s="363"/>
      <c r="F435" s="758">
        <v>21871</v>
      </c>
      <c r="G435" s="735"/>
      <c r="H435" s="735"/>
      <c r="I435" s="735"/>
      <c r="J435" s="742">
        <v>12141</v>
      </c>
      <c r="K435" s="742"/>
      <c r="L435" s="742"/>
      <c r="M435" s="742">
        <v>5100</v>
      </c>
      <c r="N435" s="742"/>
      <c r="O435" s="742"/>
      <c r="P435" s="742">
        <v>850</v>
      </c>
      <c r="Q435" s="742"/>
      <c r="R435" s="742"/>
      <c r="S435" s="735">
        <v>460</v>
      </c>
      <c r="T435" s="735"/>
      <c r="U435" s="735"/>
      <c r="V435" s="742">
        <v>460</v>
      </c>
      <c r="W435" s="742"/>
      <c r="X435" s="742"/>
      <c r="Y435" s="753" t="s">
        <v>152</v>
      </c>
      <c r="Z435" s="753"/>
      <c r="AA435" s="753"/>
      <c r="AB435" s="753" t="s">
        <v>152</v>
      </c>
      <c r="AC435" s="753"/>
      <c r="AD435" s="753"/>
      <c r="AE435" s="742">
        <v>3320</v>
      </c>
      <c r="AF435" s="742"/>
      <c r="AG435" s="750"/>
    </row>
    <row r="436" spans="1:34" s="3" customFormat="1" ht="15.95" customHeight="1">
      <c r="A436" s="8" t="s">
        <v>354</v>
      </c>
      <c r="X436" s="27"/>
      <c r="Y436" s="27"/>
      <c r="Z436" s="27"/>
      <c r="AA436" s="27"/>
      <c r="AB436" s="27"/>
      <c r="AC436" s="27"/>
      <c r="AD436" s="27"/>
      <c r="AE436" s="43"/>
      <c r="AF436" s="43"/>
      <c r="AG436" s="27" t="s">
        <v>23</v>
      </c>
    </row>
    <row r="437" spans="1:34" s="60" customFormat="1" ht="20.100000000000001" customHeight="1">
      <c r="A437" s="3"/>
      <c r="B437" s="3"/>
      <c r="C437" s="3"/>
      <c r="D437" s="3"/>
      <c r="E437" s="3"/>
      <c r="F437" s="3"/>
      <c r="G437" s="3"/>
      <c r="H437" s="3"/>
      <c r="I437" s="3"/>
      <c r="J437" s="3"/>
      <c r="K437" s="3"/>
      <c r="L437" s="3"/>
      <c r="M437" s="3"/>
      <c r="N437" s="3"/>
      <c r="O437" s="3"/>
      <c r="P437" s="3"/>
      <c r="Q437" s="3"/>
      <c r="R437" s="3"/>
      <c r="S437" s="3"/>
      <c r="T437" s="3"/>
      <c r="U437" s="3"/>
      <c r="V437" s="3"/>
      <c r="W437" s="3"/>
      <c r="X437" s="43"/>
      <c r="Y437" s="43"/>
      <c r="Z437" s="43"/>
      <c r="AA437" s="43"/>
      <c r="AB437" s="43"/>
      <c r="AC437" s="43"/>
      <c r="AD437" s="43"/>
      <c r="AE437" s="43"/>
      <c r="AF437" s="43"/>
      <c r="AG437" s="43"/>
      <c r="AH437" s="3"/>
    </row>
    <row r="438" spans="1:34" s="3" customFormat="1" ht="15.95" customHeight="1">
      <c r="A438" s="60" t="s">
        <v>408</v>
      </c>
      <c r="B438" s="60"/>
      <c r="C438" s="60"/>
      <c r="D438" s="60"/>
      <c r="E438" s="60"/>
      <c r="F438" s="60"/>
      <c r="G438" s="60"/>
      <c r="H438" s="60"/>
      <c r="I438" s="60"/>
      <c r="J438" s="60"/>
      <c r="K438" s="60"/>
      <c r="L438" s="60"/>
      <c r="M438" s="60"/>
      <c r="N438" s="60"/>
      <c r="O438" s="60"/>
      <c r="P438" s="60"/>
      <c r="Q438" s="60"/>
      <c r="R438" s="60"/>
      <c r="S438" s="60"/>
      <c r="T438" s="60"/>
      <c r="U438" s="60"/>
      <c r="V438" s="60"/>
      <c r="W438" s="60"/>
      <c r="X438" s="60"/>
      <c r="Y438" s="70"/>
      <c r="Z438" s="70"/>
      <c r="AA438" s="70"/>
      <c r="AB438" s="70"/>
      <c r="AC438" s="70"/>
      <c r="AD438" s="54"/>
      <c r="AE438" s="54"/>
      <c r="AF438" s="54"/>
      <c r="AG438" s="64" t="s">
        <v>25</v>
      </c>
      <c r="AH438" s="60"/>
    </row>
    <row r="439" spans="1:34" s="3" customFormat="1" ht="15.95" customHeight="1">
      <c r="A439" s="214" t="s">
        <v>228</v>
      </c>
      <c r="B439" s="215"/>
      <c r="C439" s="215"/>
      <c r="D439" s="215"/>
      <c r="E439" s="216"/>
      <c r="F439" s="505" t="s">
        <v>243</v>
      </c>
      <c r="G439" s="506"/>
      <c r="H439" s="506"/>
      <c r="I439" s="507"/>
      <c r="J439" s="505" t="s">
        <v>244</v>
      </c>
      <c r="K439" s="506"/>
      <c r="L439" s="506"/>
      <c r="M439" s="507"/>
      <c r="N439" s="505" t="s">
        <v>245</v>
      </c>
      <c r="O439" s="506"/>
      <c r="P439" s="506"/>
      <c r="Q439" s="506"/>
      <c r="R439" s="507"/>
      <c r="S439" s="493" t="s">
        <v>246</v>
      </c>
      <c r="T439" s="494"/>
      <c r="U439" s="494"/>
      <c r="V439" s="494"/>
      <c r="W439" s="495"/>
      <c r="X439" s="493" t="s">
        <v>247</v>
      </c>
      <c r="Y439" s="494"/>
      <c r="Z439" s="494"/>
      <c r="AA439" s="494"/>
      <c r="AB439" s="495"/>
      <c r="AC439" s="493" t="s">
        <v>248</v>
      </c>
      <c r="AD439" s="494"/>
      <c r="AE439" s="494"/>
      <c r="AF439" s="494"/>
      <c r="AG439" s="778"/>
    </row>
    <row r="440" spans="1:34" s="3" customFormat="1" ht="20.100000000000001" customHeight="1">
      <c r="A440" s="157" t="s">
        <v>249</v>
      </c>
      <c r="B440" s="158"/>
      <c r="C440" s="158"/>
      <c r="D440" s="158"/>
      <c r="E440" s="159"/>
      <c r="F440" s="356"/>
      <c r="G440" s="357"/>
      <c r="H440" s="357"/>
      <c r="I440" s="358"/>
      <c r="J440" s="356"/>
      <c r="K440" s="357"/>
      <c r="L440" s="357"/>
      <c r="M440" s="358"/>
      <c r="N440" s="356"/>
      <c r="O440" s="357"/>
      <c r="P440" s="357"/>
      <c r="Q440" s="357"/>
      <c r="R440" s="358"/>
      <c r="S440" s="496"/>
      <c r="T440" s="497"/>
      <c r="U440" s="497"/>
      <c r="V440" s="497"/>
      <c r="W440" s="498"/>
      <c r="X440" s="496"/>
      <c r="Y440" s="497"/>
      <c r="Z440" s="497"/>
      <c r="AA440" s="497"/>
      <c r="AB440" s="498"/>
      <c r="AC440" s="496"/>
      <c r="AD440" s="497"/>
      <c r="AE440" s="497"/>
      <c r="AF440" s="497"/>
      <c r="AG440" s="779"/>
    </row>
    <row r="441" spans="1:34" s="3" customFormat="1" ht="18.75" customHeight="1">
      <c r="A441" s="705">
        <v>5</v>
      </c>
      <c r="B441" s="706"/>
      <c r="C441" s="706"/>
      <c r="D441" s="706"/>
      <c r="E441" s="707"/>
      <c r="F441" s="920">
        <v>31</v>
      </c>
      <c r="G441" s="919"/>
      <c r="H441" s="919"/>
      <c r="I441" s="919"/>
      <c r="J441" s="301">
        <v>3</v>
      </c>
      <c r="K441" s="301"/>
      <c r="L441" s="301"/>
      <c r="M441" s="301"/>
      <c r="N441" s="740" t="s">
        <v>152</v>
      </c>
      <c r="O441" s="740"/>
      <c r="P441" s="740"/>
      <c r="Q441" s="740"/>
      <c r="R441" s="740"/>
      <c r="S441" s="301">
        <v>1</v>
      </c>
      <c r="T441" s="301"/>
      <c r="U441" s="301"/>
      <c r="V441" s="301"/>
      <c r="W441" s="301"/>
      <c r="X441" s="740" t="s">
        <v>152</v>
      </c>
      <c r="Y441" s="740"/>
      <c r="Z441" s="740"/>
      <c r="AA441" s="740"/>
      <c r="AB441" s="740"/>
      <c r="AC441" s="761">
        <v>2</v>
      </c>
      <c r="AD441" s="761"/>
      <c r="AE441" s="761"/>
      <c r="AF441" s="761"/>
      <c r="AG441" s="780"/>
    </row>
    <row r="442" spans="1:34" s="3" customFormat="1" ht="18.75" customHeight="1">
      <c r="A442" s="331">
        <v>6</v>
      </c>
      <c r="B442" s="332"/>
      <c r="C442" s="332"/>
      <c r="D442" s="332"/>
      <c r="E442" s="333"/>
      <c r="F442" s="920">
        <v>27</v>
      </c>
      <c r="G442" s="919"/>
      <c r="H442" s="919"/>
      <c r="I442" s="919"/>
      <c r="J442" s="919">
        <v>1</v>
      </c>
      <c r="K442" s="919"/>
      <c r="L442" s="919"/>
      <c r="M442" s="919"/>
      <c r="N442" s="347" t="s">
        <v>152</v>
      </c>
      <c r="O442" s="347"/>
      <c r="P442" s="347"/>
      <c r="Q442" s="347"/>
      <c r="R442" s="347"/>
      <c r="S442" s="347" t="s">
        <v>152</v>
      </c>
      <c r="T442" s="347"/>
      <c r="U442" s="347"/>
      <c r="V442" s="347"/>
      <c r="W442" s="347"/>
      <c r="X442" s="347" t="s">
        <v>152</v>
      </c>
      <c r="Y442" s="347"/>
      <c r="Z442" s="347"/>
      <c r="AA442" s="347"/>
      <c r="AB442" s="347"/>
      <c r="AC442" s="345">
        <v>1</v>
      </c>
      <c r="AD442" s="345"/>
      <c r="AE442" s="345"/>
      <c r="AF442" s="345"/>
      <c r="AG442" s="348"/>
    </row>
    <row r="443" spans="1:34" s="3" customFormat="1" ht="18.75" customHeight="1">
      <c r="A443" s="361">
        <v>7</v>
      </c>
      <c r="B443" s="362"/>
      <c r="C443" s="362"/>
      <c r="D443" s="362"/>
      <c r="E443" s="363"/>
      <c r="F443" s="928">
        <v>23</v>
      </c>
      <c r="G443" s="712"/>
      <c r="H443" s="712"/>
      <c r="I443" s="712"/>
      <c r="J443" s="712">
        <v>5</v>
      </c>
      <c r="K443" s="712"/>
      <c r="L443" s="712"/>
      <c r="M443" s="712"/>
      <c r="N443" s="753" t="s">
        <v>152</v>
      </c>
      <c r="O443" s="753"/>
      <c r="P443" s="753"/>
      <c r="Q443" s="753"/>
      <c r="R443" s="753"/>
      <c r="S443" s="753" t="s">
        <v>152</v>
      </c>
      <c r="T443" s="753"/>
      <c r="U443" s="753"/>
      <c r="V443" s="753"/>
      <c r="W443" s="753"/>
      <c r="X443" s="711" t="s">
        <v>457</v>
      </c>
      <c r="Y443" s="711"/>
      <c r="Z443" s="711"/>
      <c r="AA443" s="711"/>
      <c r="AB443" s="711"/>
      <c r="AC443" s="711" t="s">
        <v>458</v>
      </c>
      <c r="AD443" s="711"/>
      <c r="AE443" s="711"/>
      <c r="AF443" s="711"/>
      <c r="AG443" s="749"/>
    </row>
    <row r="444" spans="1:34" s="3" customFormat="1" ht="15.95" customHeight="1">
      <c r="A444" s="8"/>
      <c r="Y444" s="54"/>
      <c r="Z444" s="54"/>
      <c r="AA444" s="43"/>
      <c r="AB444" s="43"/>
      <c r="AC444" s="43"/>
      <c r="AD444" s="43"/>
      <c r="AE444" s="43"/>
      <c r="AF444" s="43"/>
      <c r="AG444" s="43" t="s">
        <v>23</v>
      </c>
    </row>
    <row r="445" spans="1:34" s="72" customFormat="1" ht="20.100000000000001" customHeight="1">
      <c r="A445" s="3"/>
      <c r="B445" s="3"/>
      <c r="C445" s="3"/>
      <c r="D445" s="3"/>
      <c r="E445" s="3"/>
      <c r="F445" s="3"/>
      <c r="G445" s="3"/>
      <c r="H445" s="3"/>
      <c r="I445" s="3"/>
      <c r="J445" s="3"/>
      <c r="K445" s="3"/>
      <c r="L445" s="3"/>
      <c r="M445" s="3"/>
      <c r="N445" s="3"/>
      <c r="O445" s="3"/>
      <c r="P445" s="3"/>
      <c r="Q445" s="3"/>
      <c r="R445" s="3"/>
      <c r="S445" s="3"/>
      <c r="T445" s="3"/>
      <c r="U445" s="3"/>
      <c r="V445" s="3"/>
      <c r="W445" s="3"/>
      <c r="X445" s="3"/>
      <c r="Y445" s="3"/>
      <c r="Z445" s="3"/>
      <c r="AA445" s="3"/>
      <c r="AB445" s="3"/>
      <c r="AC445" s="3"/>
      <c r="AD445" s="3"/>
      <c r="AE445" s="3"/>
      <c r="AF445" s="3"/>
      <c r="AG445" s="43"/>
      <c r="AH445" s="3"/>
    </row>
    <row r="446" spans="1:34" s="72" customFormat="1" ht="15.95" customHeight="1">
      <c r="A446" s="60" t="s">
        <v>409</v>
      </c>
    </row>
    <row r="447" spans="1:34" s="3" customFormat="1" ht="15.95" customHeight="1">
      <c r="A447" s="72"/>
      <c r="B447" s="3" t="s">
        <v>121</v>
      </c>
      <c r="C447" s="72"/>
      <c r="D447" s="72"/>
      <c r="E447" s="72"/>
      <c r="F447" s="72"/>
      <c r="G447" s="72"/>
      <c r="H447" s="72"/>
      <c r="I447" s="72"/>
      <c r="J447" s="72"/>
      <c r="K447" s="72"/>
      <c r="L447" s="72"/>
      <c r="M447" s="72"/>
      <c r="N447" s="72"/>
      <c r="O447" s="72"/>
      <c r="P447" s="72"/>
      <c r="Q447" s="72"/>
      <c r="R447" s="72"/>
      <c r="S447" s="72"/>
      <c r="T447" s="72"/>
      <c r="U447" s="72"/>
      <c r="V447" s="72"/>
      <c r="W447" s="72"/>
      <c r="X447" s="72"/>
      <c r="Y447" s="72"/>
      <c r="Z447" s="72"/>
      <c r="AA447" s="72"/>
      <c r="AB447" s="72"/>
      <c r="AC447" s="72"/>
      <c r="AD447" s="72"/>
      <c r="AE447" s="72"/>
      <c r="AF447" s="72"/>
      <c r="AG447" s="72"/>
      <c r="AH447" s="72"/>
    </row>
    <row r="448" spans="1:34" s="3" customFormat="1" ht="15.95" customHeight="1">
      <c r="A448" s="14" t="s">
        <v>26</v>
      </c>
      <c r="L448" s="64" t="s">
        <v>52</v>
      </c>
      <c r="Z448" s="64"/>
    </row>
    <row r="449" spans="1:34" s="3" customFormat="1" ht="15.95" customHeight="1">
      <c r="A449" s="214" t="s">
        <v>228</v>
      </c>
      <c r="B449" s="215"/>
      <c r="C449" s="215"/>
      <c r="D449" s="215"/>
      <c r="E449" s="216"/>
      <c r="F449" s="493" t="s">
        <v>242</v>
      </c>
      <c r="G449" s="494"/>
      <c r="H449" s="494"/>
      <c r="I449" s="494"/>
      <c r="J449" s="494"/>
      <c r="K449" s="494"/>
      <c r="L449" s="778"/>
    </row>
    <row r="450" spans="1:34" s="3" customFormat="1" ht="20.100000000000001" customHeight="1">
      <c r="A450" s="157" t="s">
        <v>232</v>
      </c>
      <c r="B450" s="158"/>
      <c r="C450" s="158"/>
      <c r="D450" s="158"/>
      <c r="E450" s="159"/>
      <c r="F450" s="496"/>
      <c r="G450" s="497"/>
      <c r="H450" s="497"/>
      <c r="I450" s="497"/>
      <c r="J450" s="497"/>
      <c r="K450" s="497"/>
      <c r="L450" s="497"/>
      <c r="M450" s="105"/>
    </row>
    <row r="451" spans="1:34" s="3" customFormat="1" ht="18.75" customHeight="1">
      <c r="A451" s="705">
        <v>5</v>
      </c>
      <c r="B451" s="706"/>
      <c r="C451" s="706"/>
      <c r="D451" s="706"/>
      <c r="E451" s="707"/>
      <c r="F451" s="300">
        <v>3823</v>
      </c>
      <c r="G451" s="301"/>
      <c r="H451" s="301"/>
      <c r="I451" s="301"/>
      <c r="J451" s="301"/>
      <c r="K451" s="301"/>
      <c r="L451" s="924"/>
      <c r="M451" s="105"/>
    </row>
    <row r="452" spans="1:34" s="3" customFormat="1" ht="18.75" customHeight="1">
      <c r="A452" s="331">
        <v>6</v>
      </c>
      <c r="B452" s="332"/>
      <c r="C452" s="332"/>
      <c r="D452" s="332"/>
      <c r="E452" s="333"/>
      <c r="F452" s="299">
        <v>3822</v>
      </c>
      <c r="G452" s="247"/>
      <c r="H452" s="247"/>
      <c r="I452" s="247"/>
      <c r="J452" s="247"/>
      <c r="K452" s="247"/>
      <c r="L452" s="747"/>
      <c r="M452" s="105"/>
    </row>
    <row r="453" spans="1:34" s="3" customFormat="1" ht="18.75" customHeight="1">
      <c r="A453" s="361">
        <v>7</v>
      </c>
      <c r="B453" s="362"/>
      <c r="C453" s="362"/>
      <c r="D453" s="362"/>
      <c r="E453" s="363"/>
      <c r="F453" s="918">
        <v>3761</v>
      </c>
      <c r="G453" s="369"/>
      <c r="H453" s="369"/>
      <c r="I453" s="369"/>
      <c r="J453" s="369"/>
      <c r="K453" s="369"/>
      <c r="L453" s="370"/>
      <c r="M453" s="105"/>
    </row>
    <row r="454" spans="1:34" s="2" customFormat="1" ht="13.5" customHeight="1">
      <c r="A454" s="106"/>
      <c r="B454" s="106"/>
      <c r="C454" s="106"/>
      <c r="D454" s="106"/>
      <c r="E454" s="106"/>
      <c r="F454" s="107"/>
      <c r="G454" s="107"/>
      <c r="H454" s="107"/>
      <c r="I454" s="107"/>
      <c r="J454" s="107"/>
      <c r="K454" s="107"/>
      <c r="L454" s="43" t="s">
        <v>151</v>
      </c>
      <c r="M454" s="3"/>
      <c r="N454" s="3"/>
      <c r="O454" s="3"/>
      <c r="P454" s="3"/>
      <c r="Q454" s="3"/>
      <c r="R454" s="3"/>
      <c r="S454" s="3"/>
      <c r="T454" s="3"/>
      <c r="U454" s="3"/>
      <c r="V454" s="3"/>
      <c r="W454" s="3"/>
      <c r="X454" s="3"/>
      <c r="Y454" s="3"/>
      <c r="Z454" s="3"/>
      <c r="AA454" s="3"/>
      <c r="AB454" s="3"/>
      <c r="AC454" s="3"/>
      <c r="AD454" s="3"/>
      <c r="AE454" s="3"/>
      <c r="AF454" s="3"/>
      <c r="AG454" s="3"/>
      <c r="AH454" s="3"/>
    </row>
    <row r="455" spans="1:34" s="3" customFormat="1" ht="15.95" customHeight="1">
      <c r="A455" s="8"/>
      <c r="B455" s="2"/>
      <c r="C455" s="2"/>
      <c r="D455" s="2"/>
      <c r="E455" s="2"/>
      <c r="F455" s="2"/>
      <c r="G455" s="2"/>
      <c r="H455" s="2"/>
      <c r="I455" s="2"/>
      <c r="J455" s="2"/>
      <c r="K455" s="2"/>
      <c r="L455" s="2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43"/>
      <c r="Y455" s="43"/>
      <c r="Z455" s="43"/>
      <c r="AA455" s="43"/>
      <c r="AB455" s="2"/>
      <c r="AC455" s="2"/>
      <c r="AD455" s="2"/>
      <c r="AE455" s="2"/>
      <c r="AF455" s="2"/>
      <c r="AG455" s="43"/>
      <c r="AH455" s="2"/>
    </row>
    <row r="456" spans="1:34" s="3" customFormat="1" ht="15.95" customHeight="1">
      <c r="A456" s="2"/>
    </row>
    <row r="457" spans="1:34" s="3" customFormat="1" ht="15.95" customHeight="1">
      <c r="A457" s="14" t="s">
        <v>27</v>
      </c>
      <c r="L457" s="64" t="s">
        <v>124</v>
      </c>
      <c r="AF457" s="30"/>
      <c r="AG457" s="64"/>
    </row>
    <row r="458" spans="1:34" s="3" customFormat="1" ht="15.95" customHeight="1">
      <c r="A458" s="214" t="s">
        <v>38</v>
      </c>
      <c r="B458" s="215"/>
      <c r="C458" s="215"/>
      <c r="D458" s="215"/>
      <c r="E458" s="216"/>
      <c r="F458" s="493" t="s">
        <v>242</v>
      </c>
      <c r="G458" s="494"/>
      <c r="H458" s="494"/>
      <c r="I458" s="494"/>
      <c r="J458" s="494"/>
      <c r="K458" s="494"/>
      <c r="L458" s="778"/>
    </row>
    <row r="459" spans="1:34" s="3" customFormat="1" ht="20.100000000000001" customHeight="1">
      <c r="A459" s="157" t="s">
        <v>169</v>
      </c>
      <c r="B459" s="158"/>
      <c r="C459" s="158"/>
      <c r="D459" s="158"/>
      <c r="E459" s="159"/>
      <c r="F459" s="496"/>
      <c r="G459" s="497"/>
      <c r="H459" s="497"/>
      <c r="I459" s="497"/>
      <c r="J459" s="497"/>
      <c r="K459" s="497"/>
      <c r="L459" s="779"/>
    </row>
    <row r="460" spans="1:34" s="3" customFormat="1" ht="18.75" customHeight="1">
      <c r="A460" s="705">
        <v>5</v>
      </c>
      <c r="B460" s="706"/>
      <c r="C460" s="706"/>
      <c r="D460" s="706"/>
      <c r="E460" s="707"/>
      <c r="F460" s="921">
        <v>801840</v>
      </c>
      <c r="G460" s="922"/>
      <c r="H460" s="922"/>
      <c r="I460" s="922"/>
      <c r="J460" s="922"/>
      <c r="K460" s="922"/>
      <c r="L460" s="923"/>
    </row>
    <row r="461" spans="1:34" s="3" customFormat="1" ht="18.75" customHeight="1">
      <c r="A461" s="331">
        <v>6</v>
      </c>
      <c r="B461" s="332"/>
      <c r="C461" s="332"/>
      <c r="D461" s="332"/>
      <c r="E461" s="333"/>
      <c r="F461" s="921">
        <v>789130</v>
      </c>
      <c r="G461" s="922"/>
      <c r="H461" s="922"/>
      <c r="I461" s="922"/>
      <c r="J461" s="922"/>
      <c r="K461" s="922"/>
      <c r="L461" s="923"/>
    </row>
    <row r="462" spans="1:34" s="2" customFormat="1" ht="18.75" customHeight="1">
      <c r="A462" s="361">
        <v>7</v>
      </c>
      <c r="B462" s="362"/>
      <c r="C462" s="362"/>
      <c r="D462" s="362"/>
      <c r="E462" s="363"/>
      <c r="F462" s="925">
        <v>747731</v>
      </c>
      <c r="G462" s="926"/>
      <c r="H462" s="926"/>
      <c r="I462" s="926"/>
      <c r="J462" s="926"/>
      <c r="K462" s="926"/>
      <c r="L462" s="927"/>
      <c r="M462" s="3"/>
      <c r="N462" s="3"/>
      <c r="O462" s="3"/>
      <c r="P462" s="3"/>
      <c r="Q462" s="3"/>
      <c r="R462" s="3"/>
      <c r="S462" s="3"/>
      <c r="T462" s="3"/>
      <c r="U462" s="3"/>
      <c r="V462" s="3"/>
      <c r="W462" s="3"/>
      <c r="X462" s="3"/>
      <c r="Y462" s="3"/>
      <c r="Z462" s="3"/>
      <c r="AA462" s="3"/>
      <c r="AB462" s="3"/>
      <c r="AC462" s="3"/>
      <c r="AD462" s="3"/>
      <c r="AE462" s="3"/>
      <c r="AF462" s="3"/>
      <c r="AG462" s="3"/>
      <c r="AH462" s="3"/>
    </row>
    <row r="463" spans="1:34" s="2" customFormat="1" ht="13.5" customHeight="1">
      <c r="L463" s="43" t="s">
        <v>151</v>
      </c>
      <c r="X463" s="43"/>
      <c r="Y463" s="43"/>
      <c r="Z463" s="43"/>
      <c r="AA463" s="43"/>
      <c r="AB463" s="43"/>
      <c r="AC463" s="43"/>
      <c r="AD463" s="43"/>
      <c r="AF463" s="43"/>
      <c r="AG463" s="43"/>
    </row>
    <row r="464" spans="1:34" s="3" customFormat="1" ht="15.95" customHeight="1">
      <c r="A464" s="8"/>
      <c r="B464" s="2"/>
      <c r="C464" s="2"/>
      <c r="D464" s="2"/>
      <c r="E464" s="2"/>
      <c r="F464" s="2"/>
      <c r="G464" s="2"/>
      <c r="H464" s="2"/>
      <c r="I464" s="2"/>
      <c r="J464" s="2"/>
      <c r="K464" s="2"/>
      <c r="L464" s="2"/>
      <c r="M464" s="2"/>
      <c r="N464" s="2"/>
      <c r="O464" s="2"/>
      <c r="P464" s="2"/>
      <c r="Q464" s="2"/>
      <c r="R464" s="2"/>
      <c r="S464" s="2"/>
      <c r="T464" s="2"/>
      <c r="U464" s="2"/>
      <c r="V464" s="2"/>
      <c r="W464" s="2"/>
      <c r="X464" s="43"/>
      <c r="Y464" s="43"/>
      <c r="Z464" s="43"/>
      <c r="AA464" s="43"/>
      <c r="AB464" s="2"/>
      <c r="AC464" s="2"/>
      <c r="AD464" s="2"/>
      <c r="AE464" s="2"/>
      <c r="AF464" s="2"/>
      <c r="AG464" s="43"/>
      <c r="AH464" s="2"/>
    </row>
    <row r="465" spans="1:34" s="3" customFormat="1" ht="15.95" customHeight="1"/>
    <row r="466" spans="1:34" s="3" customFormat="1" ht="15.95" customHeight="1">
      <c r="A466" s="14" t="s">
        <v>28</v>
      </c>
      <c r="AG466" s="64" t="s">
        <v>29</v>
      </c>
    </row>
    <row r="467" spans="1:34" s="3" customFormat="1" ht="15.95" customHeight="1">
      <c r="A467" s="214" t="s">
        <v>228</v>
      </c>
      <c r="B467" s="215"/>
      <c r="C467" s="215"/>
      <c r="D467" s="215"/>
      <c r="E467" s="216"/>
      <c r="F467" s="564" t="s">
        <v>237</v>
      </c>
      <c r="G467" s="565"/>
      <c r="H467" s="565"/>
      <c r="I467" s="565"/>
      <c r="J467" s="565"/>
      <c r="K467" s="565"/>
      <c r="L467" s="565"/>
      <c r="M467" s="565"/>
      <c r="N467" s="565"/>
      <c r="O467" s="565"/>
      <c r="P467" s="565"/>
      <c r="Q467" s="565"/>
      <c r="R467" s="565"/>
      <c r="S467" s="565"/>
      <c r="T467" s="565"/>
      <c r="U467" s="565"/>
      <c r="V467" s="565"/>
      <c r="W467" s="566"/>
      <c r="X467" s="505" t="s">
        <v>238</v>
      </c>
      <c r="Y467" s="506"/>
      <c r="Z467" s="506"/>
      <c r="AA467" s="506"/>
      <c r="AB467" s="507"/>
      <c r="AC467" s="505" t="s">
        <v>239</v>
      </c>
      <c r="AD467" s="506"/>
      <c r="AE467" s="506"/>
      <c r="AF467" s="506"/>
      <c r="AG467" s="709"/>
    </row>
    <row r="468" spans="1:34" s="3" customFormat="1" ht="20.100000000000001" customHeight="1">
      <c r="A468" s="157" t="s">
        <v>232</v>
      </c>
      <c r="B468" s="158"/>
      <c r="C468" s="158"/>
      <c r="D468" s="158"/>
      <c r="E468" s="159"/>
      <c r="F468" s="744" t="s">
        <v>233</v>
      </c>
      <c r="G468" s="745"/>
      <c r="H468" s="745"/>
      <c r="I468" s="745"/>
      <c r="J468" s="745"/>
      <c r="K468" s="746"/>
      <c r="L468" s="744" t="s">
        <v>240</v>
      </c>
      <c r="M468" s="745"/>
      <c r="N468" s="745"/>
      <c r="O468" s="745"/>
      <c r="P468" s="745"/>
      <c r="Q468" s="746"/>
      <c r="R468" s="744" t="s">
        <v>241</v>
      </c>
      <c r="S468" s="745"/>
      <c r="T468" s="745"/>
      <c r="U468" s="745"/>
      <c r="V468" s="745"/>
      <c r="W468" s="746"/>
      <c r="X468" s="356"/>
      <c r="Y468" s="357"/>
      <c r="Z468" s="357"/>
      <c r="AA468" s="357"/>
      <c r="AB468" s="358"/>
      <c r="AC468" s="356"/>
      <c r="AD468" s="357"/>
      <c r="AE468" s="357"/>
      <c r="AF468" s="357"/>
      <c r="AG468" s="710"/>
    </row>
    <row r="469" spans="1:34" s="3" customFormat="1" ht="18.75" customHeight="1">
      <c r="A469" s="705">
        <v>5</v>
      </c>
      <c r="B469" s="706"/>
      <c r="C469" s="706"/>
      <c r="D469" s="706"/>
      <c r="E469" s="707"/>
      <c r="F469" s="760">
        <v>10</v>
      </c>
      <c r="G469" s="761"/>
      <c r="H469" s="761"/>
      <c r="I469" s="761"/>
      <c r="J469" s="761"/>
      <c r="K469" s="761"/>
      <c r="L469" s="345">
        <v>6</v>
      </c>
      <c r="M469" s="345"/>
      <c r="N469" s="345"/>
      <c r="O469" s="345"/>
      <c r="P469" s="345"/>
      <c r="Q469" s="345"/>
      <c r="R469" s="345">
        <v>4</v>
      </c>
      <c r="S469" s="345"/>
      <c r="T469" s="345"/>
      <c r="U469" s="345"/>
      <c r="V469" s="345"/>
      <c r="W469" s="345"/>
      <c r="X469" s="345">
        <v>140</v>
      </c>
      <c r="Y469" s="345"/>
      <c r="Z469" s="345"/>
      <c r="AA469" s="345"/>
      <c r="AB469" s="345"/>
      <c r="AC469" s="751" t="s">
        <v>454</v>
      </c>
      <c r="AD469" s="751"/>
      <c r="AE469" s="751"/>
      <c r="AF469" s="751"/>
      <c r="AG469" s="752"/>
    </row>
    <row r="470" spans="1:34" s="3" customFormat="1" ht="18.75" customHeight="1">
      <c r="A470" s="331">
        <v>6</v>
      </c>
      <c r="B470" s="332"/>
      <c r="C470" s="332"/>
      <c r="D470" s="332"/>
      <c r="E470" s="333"/>
      <c r="F470" s="462">
        <v>10</v>
      </c>
      <c r="G470" s="462"/>
      <c r="H470" s="462"/>
      <c r="I470" s="462"/>
      <c r="J470" s="462"/>
      <c r="K470" s="462"/>
      <c r="L470" s="345">
        <v>6</v>
      </c>
      <c r="M470" s="345"/>
      <c r="N470" s="345"/>
      <c r="O470" s="345"/>
      <c r="P470" s="345"/>
      <c r="Q470" s="345"/>
      <c r="R470" s="345">
        <v>4</v>
      </c>
      <c r="S470" s="345"/>
      <c r="T470" s="345"/>
      <c r="U470" s="345"/>
      <c r="V470" s="345"/>
      <c r="W470" s="345"/>
      <c r="X470" s="345">
        <v>134</v>
      </c>
      <c r="Y470" s="345"/>
      <c r="Z470" s="345"/>
      <c r="AA470" s="345"/>
      <c r="AB470" s="345"/>
      <c r="AC470" s="751" t="s">
        <v>459</v>
      </c>
      <c r="AD470" s="751"/>
      <c r="AE470" s="751"/>
      <c r="AF470" s="751"/>
      <c r="AG470" s="752"/>
    </row>
    <row r="471" spans="1:34" s="3" customFormat="1" ht="18.75" customHeight="1">
      <c r="A471" s="361">
        <v>7</v>
      </c>
      <c r="B471" s="362"/>
      <c r="C471" s="362"/>
      <c r="D471" s="362"/>
      <c r="E471" s="363"/>
      <c r="F471" s="297">
        <v>10</v>
      </c>
      <c r="G471" s="297"/>
      <c r="H471" s="297"/>
      <c r="I471" s="297"/>
      <c r="J471" s="297"/>
      <c r="K471" s="297"/>
      <c r="L471" s="722">
        <v>6</v>
      </c>
      <c r="M471" s="722"/>
      <c r="N471" s="722"/>
      <c r="O471" s="722"/>
      <c r="P471" s="722"/>
      <c r="Q471" s="722"/>
      <c r="R471" s="722">
        <v>4</v>
      </c>
      <c r="S471" s="722"/>
      <c r="T471" s="722"/>
      <c r="U471" s="722"/>
      <c r="V471" s="722"/>
      <c r="W471" s="722"/>
      <c r="X471" s="722">
        <v>136</v>
      </c>
      <c r="Y471" s="722"/>
      <c r="Z471" s="722"/>
      <c r="AA471" s="722"/>
      <c r="AB471" s="722"/>
      <c r="AC471" s="720" t="s">
        <v>460</v>
      </c>
      <c r="AD471" s="720"/>
      <c r="AE471" s="720"/>
      <c r="AF471" s="720"/>
      <c r="AG471" s="721"/>
      <c r="AH471" s="73"/>
    </row>
    <row r="472" spans="1:34" s="3" customFormat="1" ht="15.95" customHeight="1">
      <c r="X472" s="43"/>
      <c r="Y472" s="43"/>
      <c r="Z472" s="43"/>
      <c r="AA472" s="43"/>
      <c r="AB472" s="43"/>
      <c r="AC472" s="43"/>
      <c r="AD472" s="43"/>
      <c r="AE472" s="43"/>
      <c r="AF472" s="43"/>
      <c r="AG472" s="43" t="s">
        <v>151</v>
      </c>
    </row>
    <row r="473" spans="1:34" s="3" customFormat="1" ht="20.100000000000001" customHeight="1">
      <c r="Y473" s="43"/>
      <c r="Z473" s="43"/>
      <c r="AA473" s="43"/>
      <c r="AB473" s="43"/>
      <c r="AC473" s="43"/>
      <c r="AD473" s="43"/>
      <c r="AE473" s="43"/>
      <c r="AF473" s="43"/>
      <c r="AG473" s="43"/>
    </row>
    <row r="474" spans="1:34" s="3" customFormat="1" ht="15.95" customHeight="1">
      <c r="A474" s="719" t="s">
        <v>30</v>
      </c>
      <c r="B474" s="719"/>
      <c r="C474" s="719"/>
      <c r="D474" s="719"/>
      <c r="E474" s="719"/>
      <c r="F474" s="719"/>
      <c r="G474" s="719"/>
      <c r="H474" s="719"/>
      <c r="I474" s="719"/>
      <c r="J474" s="719"/>
      <c r="K474" s="719"/>
      <c r="L474" s="719"/>
      <c r="M474" s="719"/>
      <c r="N474" s="719"/>
      <c r="O474" s="719"/>
      <c r="P474" s="719"/>
      <c r="Q474" s="719"/>
      <c r="R474" s="719"/>
      <c r="S474" s="719"/>
      <c r="T474" s="719"/>
      <c r="U474" s="719"/>
      <c r="V474" s="719"/>
      <c r="W474" s="719"/>
      <c r="X474" s="719"/>
      <c r="Y474" s="719"/>
      <c r="Z474" s="719"/>
      <c r="AA474" s="719"/>
      <c r="AB474" s="719"/>
      <c r="AC474" s="719"/>
      <c r="AD474" s="719"/>
      <c r="AE474" s="719"/>
      <c r="AF474" s="719"/>
      <c r="AG474" s="719"/>
    </row>
    <row r="475" spans="1:34" s="3" customFormat="1" ht="20.100000000000001" customHeight="1">
      <c r="A475" s="71"/>
      <c r="B475" s="71"/>
      <c r="C475" s="71"/>
      <c r="D475" s="71"/>
      <c r="E475" s="71"/>
      <c r="F475" s="71"/>
      <c r="G475" s="71"/>
      <c r="H475" s="71"/>
      <c r="I475" s="71"/>
      <c r="J475" s="71"/>
      <c r="K475" s="71"/>
      <c r="L475" s="71"/>
      <c r="M475" s="71"/>
      <c r="N475" s="71"/>
      <c r="O475" s="71"/>
      <c r="P475" s="71"/>
      <c r="Q475" s="71"/>
      <c r="R475" s="71"/>
      <c r="S475" s="71"/>
      <c r="T475" s="71"/>
      <c r="U475" s="71"/>
      <c r="V475" s="71"/>
      <c r="W475" s="71"/>
      <c r="X475" s="71"/>
      <c r="Y475" s="71"/>
      <c r="Z475" s="71"/>
      <c r="AA475" s="71"/>
      <c r="AB475" s="71"/>
      <c r="AC475" s="71"/>
      <c r="AD475" s="71"/>
      <c r="AE475" s="71"/>
      <c r="AF475" s="71"/>
      <c r="AG475" s="71"/>
    </row>
    <row r="476" spans="1:34" s="3" customFormat="1" ht="15.95" customHeight="1">
      <c r="A476" s="60" t="s">
        <v>410</v>
      </c>
      <c r="B476" s="60"/>
      <c r="C476" s="60"/>
      <c r="D476" s="60"/>
      <c r="E476" s="60"/>
      <c r="F476" s="60"/>
      <c r="G476" s="60"/>
      <c r="H476" s="60"/>
      <c r="I476" s="60"/>
      <c r="J476" s="60"/>
      <c r="K476" s="60"/>
      <c r="L476" s="60"/>
      <c r="M476" s="60"/>
      <c r="N476" s="60"/>
      <c r="O476" s="60"/>
      <c r="P476" s="60"/>
      <c r="Q476" s="60"/>
      <c r="R476" s="60"/>
      <c r="S476" s="60"/>
      <c r="T476" s="60"/>
      <c r="U476" s="60"/>
      <c r="V476" s="60"/>
      <c r="W476" s="60"/>
      <c r="X476" s="60"/>
      <c r="Y476" s="60"/>
      <c r="Z476" s="60"/>
      <c r="AA476" s="60"/>
      <c r="AB476" s="60"/>
      <c r="AC476" s="60"/>
      <c r="AD476" s="60"/>
      <c r="AE476" s="60"/>
      <c r="AF476" s="60"/>
      <c r="AG476" s="60"/>
    </row>
    <row r="477" spans="1:34" s="3" customFormat="1" ht="15.95" customHeight="1">
      <c r="B477" s="3" t="s">
        <v>391</v>
      </c>
      <c r="AE477" s="54"/>
      <c r="AF477" s="54"/>
      <c r="AG477" s="64" t="s">
        <v>31</v>
      </c>
    </row>
    <row r="478" spans="1:34" s="3" customFormat="1" ht="15.95" customHeight="1">
      <c r="A478" s="214" t="s">
        <v>228</v>
      </c>
      <c r="B478" s="215"/>
      <c r="C478" s="215"/>
      <c r="D478" s="215"/>
      <c r="E478" s="216"/>
      <c r="F478" s="505" t="s">
        <v>229</v>
      </c>
      <c r="G478" s="506"/>
      <c r="H478" s="507"/>
      <c r="I478" s="732" t="s">
        <v>230</v>
      </c>
      <c r="J478" s="733"/>
      <c r="K478" s="733"/>
      <c r="L478" s="733"/>
      <c r="M478" s="733"/>
      <c r="N478" s="733"/>
      <c r="O478" s="733"/>
      <c r="P478" s="733"/>
      <c r="Q478" s="733"/>
      <c r="R478" s="733"/>
      <c r="S478" s="733"/>
      <c r="T478" s="733"/>
      <c r="U478" s="733"/>
      <c r="V478" s="733"/>
      <c r="W478" s="733"/>
      <c r="X478" s="733"/>
      <c r="Y478" s="733"/>
      <c r="Z478" s="733"/>
      <c r="AA478" s="733"/>
      <c r="AB478" s="734"/>
      <c r="AC478" s="505" t="s">
        <v>231</v>
      </c>
      <c r="AD478" s="506"/>
      <c r="AE478" s="506"/>
      <c r="AF478" s="506"/>
      <c r="AG478" s="709"/>
    </row>
    <row r="479" spans="1:34" s="3" customFormat="1" ht="20.100000000000001" customHeight="1">
      <c r="A479" s="157" t="s">
        <v>232</v>
      </c>
      <c r="B479" s="158"/>
      <c r="C479" s="158"/>
      <c r="D479" s="158"/>
      <c r="E479" s="159"/>
      <c r="F479" s="356"/>
      <c r="G479" s="357"/>
      <c r="H479" s="358"/>
      <c r="I479" s="484" t="s">
        <v>233</v>
      </c>
      <c r="J479" s="485"/>
      <c r="K479" s="485"/>
      <c r="L479" s="486"/>
      <c r="M479" s="484" t="s">
        <v>234</v>
      </c>
      <c r="N479" s="485"/>
      <c r="O479" s="485"/>
      <c r="P479" s="486"/>
      <c r="Q479" s="484" t="s">
        <v>235</v>
      </c>
      <c r="R479" s="485"/>
      <c r="S479" s="485"/>
      <c r="T479" s="486"/>
      <c r="U479" s="484" t="s">
        <v>236</v>
      </c>
      <c r="V479" s="485"/>
      <c r="W479" s="485"/>
      <c r="X479" s="486"/>
      <c r="Y479" s="484" t="s">
        <v>227</v>
      </c>
      <c r="Z479" s="485"/>
      <c r="AA479" s="485"/>
      <c r="AB479" s="486"/>
      <c r="AC479" s="356"/>
      <c r="AD479" s="357"/>
      <c r="AE479" s="357"/>
      <c r="AF479" s="357"/>
      <c r="AG479" s="710"/>
    </row>
    <row r="480" spans="1:34" s="60" customFormat="1" ht="18.75" customHeight="1">
      <c r="A480" s="705">
        <v>5</v>
      </c>
      <c r="B480" s="706"/>
      <c r="C480" s="706"/>
      <c r="D480" s="706"/>
      <c r="E480" s="707"/>
      <c r="F480" s="684">
        <v>4292</v>
      </c>
      <c r="G480" s="685"/>
      <c r="H480" s="685"/>
      <c r="I480" s="686">
        <v>1287.3800000000001</v>
      </c>
      <c r="J480" s="686"/>
      <c r="K480" s="686"/>
      <c r="L480" s="686"/>
      <c r="M480" s="686">
        <v>68.2</v>
      </c>
      <c r="N480" s="686"/>
      <c r="O480" s="686"/>
      <c r="P480" s="686"/>
      <c r="Q480" s="686">
        <v>24.57</v>
      </c>
      <c r="R480" s="686"/>
      <c r="S480" s="686"/>
      <c r="T480" s="686"/>
      <c r="U480" s="686">
        <v>1194.6099999999999</v>
      </c>
      <c r="V480" s="686"/>
      <c r="W480" s="686"/>
      <c r="X480" s="686"/>
      <c r="Y480" s="686" t="s">
        <v>152</v>
      </c>
      <c r="Z480" s="686"/>
      <c r="AA480" s="686"/>
      <c r="AB480" s="686"/>
      <c r="AC480" s="698">
        <v>30</v>
      </c>
      <c r="AD480" s="698"/>
      <c r="AE480" s="698"/>
      <c r="AF480" s="698"/>
      <c r="AG480" s="699"/>
      <c r="AH480" s="3"/>
    </row>
    <row r="481" spans="1:34" s="3" customFormat="1" ht="18.75" customHeight="1">
      <c r="A481" s="331">
        <v>6</v>
      </c>
      <c r="B481" s="332"/>
      <c r="C481" s="332"/>
      <c r="D481" s="332"/>
      <c r="E481" s="333"/>
      <c r="F481" s="696">
        <v>4292</v>
      </c>
      <c r="G481" s="697"/>
      <c r="H481" s="697"/>
      <c r="I481" s="708">
        <v>1283.6500000000001</v>
      </c>
      <c r="J481" s="708"/>
      <c r="K481" s="708"/>
      <c r="L481" s="708"/>
      <c r="M481" s="683">
        <v>68.2</v>
      </c>
      <c r="N481" s="683"/>
      <c r="O481" s="683"/>
      <c r="P481" s="683"/>
      <c r="Q481" s="683">
        <v>24.38</v>
      </c>
      <c r="R481" s="683"/>
      <c r="S481" s="683"/>
      <c r="T481" s="683"/>
      <c r="U481" s="683">
        <v>1191.07</v>
      </c>
      <c r="V481" s="683"/>
      <c r="W481" s="683"/>
      <c r="X481" s="683"/>
      <c r="Y481" s="683" t="s">
        <v>152</v>
      </c>
      <c r="Z481" s="683"/>
      <c r="AA481" s="683"/>
      <c r="AB481" s="683"/>
      <c r="AC481" s="700">
        <v>29.9</v>
      </c>
      <c r="AD481" s="700"/>
      <c r="AE481" s="700"/>
      <c r="AF481" s="700"/>
      <c r="AG481" s="701"/>
      <c r="AH481" s="60"/>
    </row>
    <row r="482" spans="1:34" s="3" customFormat="1" ht="18.75" customHeight="1">
      <c r="A482" s="361">
        <v>7</v>
      </c>
      <c r="B482" s="362"/>
      <c r="C482" s="362"/>
      <c r="D482" s="362"/>
      <c r="E482" s="363"/>
      <c r="F482" s="679">
        <v>4292</v>
      </c>
      <c r="G482" s="680"/>
      <c r="H482" s="680"/>
      <c r="I482" s="704">
        <v>1283.6499999999999</v>
      </c>
      <c r="J482" s="704"/>
      <c r="K482" s="704"/>
      <c r="L482" s="704"/>
      <c r="M482" s="681">
        <v>68.2</v>
      </c>
      <c r="N482" s="681"/>
      <c r="O482" s="681"/>
      <c r="P482" s="681"/>
      <c r="Q482" s="681">
        <v>24.38</v>
      </c>
      <c r="R482" s="681"/>
      <c r="S482" s="681"/>
      <c r="T482" s="681"/>
      <c r="U482" s="681">
        <v>1191.07</v>
      </c>
      <c r="V482" s="681"/>
      <c r="W482" s="681"/>
      <c r="X482" s="681"/>
      <c r="Y482" s="687" t="s">
        <v>152</v>
      </c>
      <c r="Z482" s="687"/>
      <c r="AA482" s="687"/>
      <c r="AB482" s="687"/>
      <c r="AC482" s="702">
        <v>29.907968313140724</v>
      </c>
      <c r="AD482" s="702"/>
      <c r="AE482" s="702"/>
      <c r="AF482" s="702"/>
      <c r="AG482" s="703"/>
    </row>
    <row r="483" spans="1:34" s="3" customFormat="1" ht="15.95" customHeight="1">
      <c r="X483" s="27"/>
      <c r="Y483" s="27"/>
      <c r="Z483" s="27"/>
      <c r="AA483" s="27"/>
      <c r="AB483" s="27"/>
      <c r="AC483" s="27"/>
      <c r="AD483" s="27"/>
      <c r="AE483" s="27"/>
      <c r="AF483" s="27"/>
      <c r="AG483" s="27" t="s">
        <v>23</v>
      </c>
    </row>
    <row r="484" spans="1:34" s="3" customFormat="1" ht="20.100000000000001" customHeight="1">
      <c r="B484" s="30"/>
      <c r="C484" s="30"/>
      <c r="D484" s="30"/>
      <c r="E484" s="30"/>
      <c r="F484" s="30"/>
      <c r="G484" s="30"/>
      <c r="H484" s="30"/>
      <c r="I484" s="30"/>
      <c r="R484" s="30"/>
      <c r="S484" s="30"/>
      <c r="T484" s="30"/>
      <c r="U484" s="30"/>
      <c r="V484" s="30"/>
      <c r="W484" s="30"/>
      <c r="X484" s="30"/>
      <c r="Y484" s="30"/>
      <c r="AA484" s="43"/>
      <c r="AB484" s="43"/>
      <c r="AC484" s="43"/>
      <c r="AD484" s="43"/>
      <c r="AE484" s="43"/>
    </row>
    <row r="485" spans="1:34" s="3" customFormat="1" ht="15.95" customHeight="1">
      <c r="A485" s="151" t="s">
        <v>32</v>
      </c>
      <c r="B485" s="151"/>
      <c r="C485" s="151"/>
      <c r="D485" s="151"/>
      <c r="E485" s="151"/>
      <c r="F485" s="151"/>
      <c r="G485" s="151"/>
      <c r="H485" s="151"/>
      <c r="I485" s="151"/>
      <c r="J485" s="151"/>
      <c r="K485" s="151"/>
      <c r="L485" s="151"/>
      <c r="M485" s="151"/>
      <c r="N485" s="151"/>
      <c r="O485" s="151"/>
      <c r="P485" s="151"/>
      <c r="Q485" s="151"/>
      <c r="R485" s="151"/>
      <c r="S485" s="151"/>
      <c r="T485" s="151"/>
      <c r="U485" s="151"/>
      <c r="V485" s="151"/>
      <c r="W485" s="151"/>
      <c r="X485" s="151"/>
      <c r="Y485" s="151"/>
      <c r="Z485" s="151"/>
      <c r="AA485" s="151"/>
      <c r="AB485" s="151"/>
      <c r="AC485" s="151"/>
      <c r="AD485" s="151"/>
      <c r="AE485" s="151"/>
      <c r="AF485" s="151"/>
      <c r="AG485" s="151"/>
    </row>
    <row r="486" spans="1:34" s="3" customFormat="1" ht="20.100000000000001" customHeight="1">
      <c r="A486" s="15"/>
      <c r="B486" s="15"/>
      <c r="C486" s="15"/>
      <c r="D486" s="15"/>
      <c r="E486" s="15"/>
      <c r="F486" s="15"/>
      <c r="G486" s="15"/>
      <c r="H486" s="15"/>
      <c r="I486" s="15"/>
      <c r="J486" s="15"/>
      <c r="K486" s="15"/>
      <c r="L486" s="15"/>
      <c r="M486" s="15"/>
      <c r="N486" s="15"/>
      <c r="O486" s="15"/>
      <c r="P486" s="15"/>
      <c r="Q486" s="15"/>
      <c r="R486" s="15"/>
      <c r="S486" s="15"/>
      <c r="T486" s="15"/>
      <c r="U486" s="15"/>
      <c r="V486" s="15"/>
      <c r="W486" s="15"/>
      <c r="X486" s="15"/>
      <c r="Y486" s="15"/>
      <c r="Z486" s="15"/>
      <c r="AA486" s="15"/>
      <c r="AB486" s="15"/>
      <c r="AC486" s="15"/>
      <c r="AD486" s="15"/>
      <c r="AE486" s="15"/>
      <c r="AF486" s="15"/>
      <c r="AG486" s="15"/>
    </row>
    <row r="487" spans="1:34" s="3" customFormat="1" ht="15.95" customHeight="1">
      <c r="A487" s="60" t="s">
        <v>411</v>
      </c>
      <c r="B487" s="120"/>
    </row>
    <row r="488" spans="1:34" s="3" customFormat="1" ht="15.95" customHeight="1">
      <c r="A488" s="109"/>
      <c r="B488" s="3" t="s">
        <v>456</v>
      </c>
    </row>
    <row r="489" spans="1:34" s="3" customFormat="1" ht="12.75" customHeight="1">
      <c r="A489" s="670" t="s">
        <v>45</v>
      </c>
      <c r="B489" s="671"/>
      <c r="C489" s="671"/>
      <c r="D489" s="671"/>
      <c r="E489" s="671"/>
      <c r="F489" s="671"/>
      <c r="G489" s="672"/>
      <c r="H489" s="403" t="s">
        <v>313</v>
      </c>
      <c r="I489" s="404"/>
      <c r="J489" s="404"/>
      <c r="K489" s="404"/>
      <c r="L489" s="500"/>
      <c r="M489" s="669" t="s">
        <v>314</v>
      </c>
      <c r="N489" s="689"/>
      <c r="O489" s="689"/>
      <c r="P489" s="689"/>
      <c r="Q489" s="689"/>
      <c r="R489" s="690"/>
      <c r="S489" s="669" t="s">
        <v>332</v>
      </c>
      <c r="T489" s="404"/>
      <c r="U489" s="404"/>
      <c r="V489" s="404"/>
      <c r="W489" s="500"/>
      <c r="X489" s="403" t="s">
        <v>315</v>
      </c>
      <c r="Y489" s="404"/>
      <c r="Z489" s="404"/>
      <c r="AA489" s="404"/>
      <c r="AB489" s="500"/>
      <c r="AC489" s="403" t="s">
        <v>84</v>
      </c>
      <c r="AD489" s="404"/>
      <c r="AE489" s="404"/>
      <c r="AF489" s="404"/>
      <c r="AG489" s="405"/>
    </row>
    <row r="490" spans="1:34" s="3" customFormat="1" ht="15" customHeight="1">
      <c r="A490" s="673"/>
      <c r="B490" s="674"/>
      <c r="C490" s="674"/>
      <c r="D490" s="674"/>
      <c r="E490" s="674"/>
      <c r="F490" s="674"/>
      <c r="G490" s="675"/>
      <c r="H490" s="501"/>
      <c r="I490" s="502"/>
      <c r="J490" s="502"/>
      <c r="K490" s="502"/>
      <c r="L490" s="503"/>
      <c r="M490" s="691"/>
      <c r="N490" s="692"/>
      <c r="O490" s="692"/>
      <c r="P490" s="692"/>
      <c r="Q490" s="692"/>
      <c r="R490" s="693"/>
      <c r="S490" s="501"/>
      <c r="T490" s="502"/>
      <c r="U490" s="502"/>
      <c r="V490" s="502"/>
      <c r="W490" s="503"/>
      <c r="X490" s="501"/>
      <c r="Y490" s="502"/>
      <c r="Z490" s="502"/>
      <c r="AA490" s="502"/>
      <c r="AB490" s="503"/>
      <c r="AC490" s="501"/>
      <c r="AD490" s="502"/>
      <c r="AE490" s="502"/>
      <c r="AF490" s="502"/>
      <c r="AG490" s="682"/>
    </row>
    <row r="491" spans="1:34" s="3" customFormat="1" ht="39" customHeight="1">
      <c r="A491" s="694" t="s">
        <v>461</v>
      </c>
      <c r="B491" s="695"/>
      <c r="C491" s="695"/>
      <c r="D491" s="695"/>
      <c r="E491" s="695"/>
      <c r="F491" s="695"/>
      <c r="G491" s="695"/>
      <c r="H491" s="676" t="s">
        <v>462</v>
      </c>
      <c r="I491" s="676"/>
      <c r="J491" s="676"/>
      <c r="K491" s="676"/>
      <c r="L491" s="676"/>
      <c r="M491" s="688" t="s">
        <v>463</v>
      </c>
      <c r="N491" s="688"/>
      <c r="O491" s="688"/>
      <c r="P491" s="688"/>
      <c r="Q491" s="688"/>
      <c r="R491" s="688"/>
      <c r="S491" s="676" t="s">
        <v>464</v>
      </c>
      <c r="T491" s="676"/>
      <c r="U491" s="676"/>
      <c r="V491" s="676"/>
      <c r="W491" s="676"/>
      <c r="X491" s="676" t="s">
        <v>465</v>
      </c>
      <c r="Y491" s="676"/>
      <c r="Z491" s="676"/>
      <c r="AA491" s="676"/>
      <c r="AB491" s="676"/>
      <c r="AC491" s="677" t="s">
        <v>152</v>
      </c>
      <c r="AD491" s="677"/>
      <c r="AE491" s="677"/>
      <c r="AF491" s="677"/>
      <c r="AG491" s="678"/>
    </row>
    <row r="492" spans="1:34" s="3" customFormat="1" ht="14.25" customHeight="1">
      <c r="A492" s="118" t="s">
        <v>374</v>
      </c>
      <c r="B492" s="58"/>
      <c r="C492" s="58"/>
      <c r="D492" s="58"/>
      <c r="E492" s="58"/>
      <c r="F492" s="58"/>
      <c r="G492" s="58"/>
      <c r="H492" s="30"/>
      <c r="I492" s="30"/>
      <c r="J492" s="30"/>
      <c r="K492" s="30"/>
      <c r="L492" s="30"/>
      <c r="M492" s="74"/>
      <c r="N492" s="74"/>
      <c r="O492" s="74"/>
      <c r="P492" s="74"/>
      <c r="Q492" s="74"/>
      <c r="R492" s="74"/>
      <c r="S492" s="30"/>
      <c r="T492" s="30"/>
      <c r="U492" s="30"/>
      <c r="V492" s="30"/>
      <c r="W492" s="30"/>
      <c r="X492" s="30"/>
      <c r="Y492" s="30"/>
      <c r="Z492" s="30"/>
      <c r="AA492" s="30"/>
      <c r="AB492" s="30"/>
      <c r="AC492" s="27"/>
      <c r="AD492" s="27"/>
      <c r="AE492" s="27"/>
      <c r="AF492" s="27"/>
      <c r="AG492" s="113"/>
    </row>
    <row r="493" spans="1:34" ht="15.75" customHeight="1">
      <c r="A493" s="8" t="s">
        <v>373</v>
      </c>
      <c r="B493" s="3"/>
      <c r="C493" s="3"/>
      <c r="D493" s="3"/>
      <c r="E493" s="3"/>
      <c r="F493" s="3"/>
      <c r="G493" s="3"/>
      <c r="H493" s="3"/>
      <c r="I493" s="3"/>
      <c r="J493" s="3"/>
      <c r="K493" s="3"/>
      <c r="L493" s="3"/>
      <c r="M493" s="3"/>
      <c r="N493" s="3"/>
      <c r="O493" s="3"/>
      <c r="P493" s="3"/>
      <c r="Q493" s="3"/>
      <c r="R493" s="3"/>
      <c r="S493" s="3"/>
      <c r="T493" s="3"/>
      <c r="U493" s="3"/>
      <c r="V493" s="3"/>
      <c r="W493" s="3"/>
      <c r="X493" s="3"/>
      <c r="Y493" s="3"/>
      <c r="Z493" s="3"/>
      <c r="AA493" s="3"/>
      <c r="AB493" s="3"/>
      <c r="AC493" s="3"/>
      <c r="AD493" s="3"/>
      <c r="AE493" s="3"/>
      <c r="AF493" s="3"/>
      <c r="AG493" s="43" t="s">
        <v>33</v>
      </c>
      <c r="AH493" s="3"/>
    </row>
  </sheetData>
  <protectedRanges>
    <protectedRange sqref="F452:L453" name="範囲1_6"/>
    <protectedRange sqref="F461:L461" name="範囲1_7"/>
    <protectedRange sqref="L469:AG471" name="範囲1_8"/>
    <protectedRange sqref="H491:AG491" name="範囲1_1"/>
    <protectedRange sqref="M426:AG427" name="範囲1_2"/>
    <protectedRange sqref="J434:R435 V434:AA435 AE434:AG435" name="範囲1_3"/>
    <protectedRange sqref="F442:AG443" name="範囲1_5"/>
    <protectedRange sqref="F481:F482 M481:AB482" name="範囲1_16"/>
    <protectedRange sqref="J236:AG238" name="範囲1"/>
    <protectedRange sqref="J245:AG246" name="範囲1_4"/>
    <protectedRange sqref="D407:D408 J407:AG408" name="範囲1_10"/>
  </protectedRanges>
  <customSheetViews>
    <customSheetView guid="{8ECCF71E-264E-4EAC-AFE1-DAB4671B9E31}" scale="60" showPageBreaks="1" printArea="1" view="pageBreakPreview" showRuler="0" topLeftCell="A308">
      <selection activeCell="AL322" sqref="AL322"/>
      <rowBreaks count="17" manualBreakCount="17">
        <brk id="25" max="16383" man="1"/>
        <brk id="49" max="33" man="1"/>
        <brk id="72" max="33" man="1"/>
        <brk id="119" max="33" man="1"/>
        <brk id="156" max="33" man="1"/>
        <brk id="188" max="33" man="1"/>
        <brk id="220" max="33" man="1"/>
        <brk id="256" max="33" man="1"/>
        <brk id="290" max="33" man="1"/>
        <brk id="324" max="33" man="1"/>
        <brk id="379" max="33" man="1"/>
        <brk id="418" max="33" man="1"/>
        <brk id="458" max="33" man="1"/>
        <brk id="499" max="33" man="1"/>
        <brk id="543" max="33" man="1"/>
        <brk id="569" max="33" man="1"/>
        <brk id="579" max="33" man="1"/>
      </rowBreaks>
      <pageMargins left="0.78740157480314965" right="0.78740157480314965" top="0.9055118110236221" bottom="0.78740157480314965" header="0.51181102362204722" footer="0.39370078740157483"/>
      <printOptions horizontalCentered="1"/>
      <pageSetup paperSize="9" firstPageNumber="35" orientation="portrait" useFirstPageNumber="1" r:id="rId1"/>
      <headerFooter alignWithMargins="0">
        <oddFooter>&amp;C&amp;10- &amp;P -</oddFooter>
      </headerFooter>
    </customSheetView>
  </customSheetViews>
  <mergeCells count="1843">
    <mergeCell ref="L218:S218"/>
    <mergeCell ref="AD234:AG235"/>
    <mergeCell ref="T237:X237"/>
    <mergeCell ref="AB225:AG225"/>
    <mergeCell ref="AB227:AG227"/>
    <mergeCell ref="Y237:AC237"/>
    <mergeCell ref="O237:S237"/>
    <mergeCell ref="F254:I254"/>
    <mergeCell ref="N256:Q256"/>
    <mergeCell ref="Y299:AA299"/>
    <mergeCell ref="AE290:AG290"/>
    <mergeCell ref="V299:X299"/>
    <mergeCell ref="M310:R310"/>
    <mergeCell ref="S309:W309"/>
    <mergeCell ref="AC309:AG309"/>
    <mergeCell ref="X266:AB266"/>
    <mergeCell ref="X269:AB269"/>
    <mergeCell ref="AC267:AG267"/>
    <mergeCell ref="V290:X290"/>
    <mergeCell ref="S290:U290"/>
    <mergeCell ref="S266:W266"/>
    <mergeCell ref="T225:AA225"/>
    <mergeCell ref="L225:S225"/>
    <mergeCell ref="L228:S228"/>
    <mergeCell ref="T226:AA226"/>
    <mergeCell ref="T227:AA227"/>
    <mergeCell ref="S281:U281"/>
    <mergeCell ref="S291:U291"/>
    <mergeCell ref="V297:X297"/>
    <mergeCell ref="AB297:AD298"/>
    <mergeCell ref="V291:X291"/>
    <mergeCell ref="Y281:AD281"/>
    <mergeCell ref="T220:AA220"/>
    <mergeCell ref="T221:AA221"/>
    <mergeCell ref="T222:AA222"/>
    <mergeCell ref="T224:AA224"/>
    <mergeCell ref="T235:X235"/>
    <mergeCell ref="AD236:AG236"/>
    <mergeCell ref="AD237:AG237"/>
    <mergeCell ref="AD320:AG320"/>
    <mergeCell ref="AB301:AD301"/>
    <mergeCell ref="Z316:AG316"/>
    <mergeCell ref="AD317:AG317"/>
    <mergeCell ref="Z325:AC326"/>
    <mergeCell ref="S267:W267"/>
    <mergeCell ref="J242:U243"/>
    <mergeCell ref="J237:N237"/>
    <mergeCell ref="X267:AB267"/>
    <mergeCell ref="B226:J226"/>
    <mergeCell ref="AB228:AG228"/>
    <mergeCell ref="A255:E255"/>
    <mergeCell ref="F256:I256"/>
    <mergeCell ref="Y290:AA290"/>
    <mergeCell ref="N266:R266"/>
    <mergeCell ref="AC268:AG268"/>
    <mergeCell ref="S268:W268"/>
    <mergeCell ref="V255:Y255"/>
    <mergeCell ref="Y300:AA300"/>
    <mergeCell ref="Y301:AA301"/>
    <mergeCell ref="AE291:AG291"/>
    <mergeCell ref="F287:I288"/>
    <mergeCell ref="P279:R279"/>
    <mergeCell ref="E276:H278"/>
    <mergeCell ref="E280:H280"/>
    <mergeCell ref="AC201:AF202"/>
    <mergeCell ref="AA92:AG92"/>
    <mergeCell ref="U127:X127"/>
    <mergeCell ref="AD125:AG125"/>
    <mergeCell ref="L119:P119"/>
    <mergeCell ref="C106:L106"/>
    <mergeCell ref="Z81:AC81"/>
    <mergeCell ref="T215:AA215"/>
    <mergeCell ref="L212:S214"/>
    <mergeCell ref="AD81:AG81"/>
    <mergeCell ref="A82:G82"/>
    <mergeCell ref="H82:M82"/>
    <mergeCell ref="N82:Q82"/>
    <mergeCell ref="R82:U82"/>
    <mergeCell ref="AD122:AG122"/>
    <mergeCell ref="Y279:AD279"/>
    <mergeCell ref="L222:S222"/>
    <mergeCell ref="T223:AA223"/>
    <mergeCell ref="S269:W269"/>
    <mergeCell ref="N269:R269"/>
    <mergeCell ref="AC269:AG269"/>
    <mergeCell ref="P277:R278"/>
    <mergeCell ref="Y278:AD278"/>
    <mergeCell ref="L215:S215"/>
    <mergeCell ref="L216:S216"/>
    <mergeCell ref="L224:S224"/>
    <mergeCell ref="T228:AA228"/>
    <mergeCell ref="L227:S227"/>
    <mergeCell ref="L226:S226"/>
    <mergeCell ref="L223:S223"/>
    <mergeCell ref="AE278:AG278"/>
    <mergeCell ref="B220:J220"/>
    <mergeCell ref="Z73:AC73"/>
    <mergeCell ref="AD73:AG73"/>
    <mergeCell ref="Z82:AC82"/>
    <mergeCell ref="AD82:AG82"/>
    <mergeCell ref="A81:G81"/>
    <mergeCell ref="E205:F205"/>
    <mergeCell ref="AB212:AG214"/>
    <mergeCell ref="T218:AA218"/>
    <mergeCell ref="T219:AA219"/>
    <mergeCell ref="T212:AA214"/>
    <mergeCell ref="R81:U81"/>
    <mergeCell ref="V81:Y81"/>
    <mergeCell ref="AB220:AG220"/>
    <mergeCell ref="M206:N206"/>
    <mergeCell ref="Y204:AB204"/>
    <mergeCell ref="A79:G79"/>
    <mergeCell ref="A77:G77"/>
    <mergeCell ref="H76:M76"/>
    <mergeCell ref="B218:J218"/>
    <mergeCell ref="N81:Q81"/>
    <mergeCell ref="T94:Z94"/>
    <mergeCell ref="T90:Z91"/>
    <mergeCell ref="Z79:AC79"/>
    <mergeCell ref="AD79:AG79"/>
    <mergeCell ref="H80:M80"/>
    <mergeCell ref="N80:Q80"/>
    <mergeCell ref="V80:Y80"/>
    <mergeCell ref="Z80:AC80"/>
    <mergeCell ref="AD80:AG80"/>
    <mergeCell ref="Z77:AC77"/>
    <mergeCell ref="AD77:AG77"/>
    <mergeCell ref="AD78:AG78"/>
    <mergeCell ref="Z71:AC71"/>
    <mergeCell ref="AD71:AG71"/>
    <mergeCell ref="N72:Q72"/>
    <mergeCell ref="V76:Y76"/>
    <mergeCell ref="Z76:AC76"/>
    <mergeCell ref="V72:Y72"/>
    <mergeCell ref="Z72:AC72"/>
    <mergeCell ref="R72:U72"/>
    <mergeCell ref="A69:G69"/>
    <mergeCell ref="H69:M69"/>
    <mergeCell ref="N69:Q69"/>
    <mergeCell ref="R69:U69"/>
    <mergeCell ref="AD69:AG69"/>
    <mergeCell ref="H70:M70"/>
    <mergeCell ref="N70:Q70"/>
    <mergeCell ref="Z69:AC69"/>
    <mergeCell ref="R70:U70"/>
    <mergeCell ref="V70:Y70"/>
    <mergeCell ref="Z70:AC70"/>
    <mergeCell ref="AD70:AG70"/>
    <mergeCell ref="H75:M75"/>
    <mergeCell ref="N75:Q75"/>
    <mergeCell ref="R75:U75"/>
    <mergeCell ref="A72:G72"/>
    <mergeCell ref="H71:M71"/>
    <mergeCell ref="N71:Q71"/>
    <mergeCell ref="R71:U71"/>
    <mergeCell ref="V71:Y71"/>
    <mergeCell ref="AD76:AG76"/>
    <mergeCell ref="N76:Q76"/>
    <mergeCell ref="R76:U76"/>
    <mergeCell ref="A76:G76"/>
    <mergeCell ref="AI53:AK53"/>
    <mergeCell ref="AE49:AG49"/>
    <mergeCell ref="S53:V53"/>
    <mergeCell ref="S54:V54"/>
    <mergeCell ref="AI42:AK42"/>
    <mergeCell ref="AI47:AK47"/>
    <mergeCell ref="AI49:AK49"/>
    <mergeCell ref="AE52:AG52"/>
    <mergeCell ref="AE53:AG53"/>
    <mergeCell ref="AD65:AG65"/>
    <mergeCell ref="W50:Z50"/>
    <mergeCell ref="H66:M66"/>
    <mergeCell ref="R66:U66"/>
    <mergeCell ref="V66:Y66"/>
    <mergeCell ref="Z66:AC66"/>
    <mergeCell ref="AD66:AG66"/>
    <mergeCell ref="AD67:AG67"/>
    <mergeCell ref="H67:M67"/>
    <mergeCell ref="H46:J46"/>
    <mergeCell ref="H42:J42"/>
    <mergeCell ref="H62:M63"/>
    <mergeCell ref="O47:R47"/>
    <mergeCell ref="O49:R49"/>
    <mergeCell ref="K50:N50"/>
    <mergeCell ref="K51:N51"/>
    <mergeCell ref="H55:J55"/>
    <mergeCell ref="H64:M64"/>
    <mergeCell ref="N62:Q63"/>
    <mergeCell ref="R67:U67"/>
    <mergeCell ref="V67:Y67"/>
    <mergeCell ref="Z67:AC67"/>
    <mergeCell ref="W51:Z51"/>
    <mergeCell ref="L468:Q468"/>
    <mergeCell ref="F442:I442"/>
    <mergeCell ref="S443:W443"/>
    <mergeCell ref="F443:I443"/>
    <mergeCell ref="N443:R443"/>
    <mergeCell ref="A439:E439"/>
    <mergeCell ref="A435:E435"/>
    <mergeCell ref="A427:E427"/>
    <mergeCell ref="AI55:AK55"/>
    <mergeCell ref="K55:N55"/>
    <mergeCell ref="O55:R55"/>
    <mergeCell ref="S55:V55"/>
    <mergeCell ref="K46:N46"/>
    <mergeCell ref="K47:N47"/>
    <mergeCell ref="K48:N48"/>
    <mergeCell ref="K53:N53"/>
    <mergeCell ref="K54:N54"/>
    <mergeCell ref="AE47:AG47"/>
    <mergeCell ref="AI54:AK54"/>
    <mergeCell ref="W54:Z54"/>
    <mergeCell ref="AA54:AD54"/>
    <mergeCell ref="AE55:AG55"/>
    <mergeCell ref="W49:Z49"/>
    <mergeCell ref="W53:Z53"/>
    <mergeCell ref="O54:R54"/>
    <mergeCell ref="S52:V52"/>
    <mergeCell ref="AI50:AK50"/>
    <mergeCell ref="AI48:AK48"/>
    <mergeCell ref="AE51:AG51"/>
    <mergeCell ref="AA53:AD53"/>
    <mergeCell ref="AE50:AG50"/>
    <mergeCell ref="AA48:AD48"/>
    <mergeCell ref="A459:E459"/>
    <mergeCell ref="F453:L453"/>
    <mergeCell ref="J442:M442"/>
    <mergeCell ref="A440:E440"/>
    <mergeCell ref="F441:I441"/>
    <mergeCell ref="J441:M441"/>
    <mergeCell ref="A453:E453"/>
    <mergeCell ref="A443:E443"/>
    <mergeCell ref="A451:E451"/>
    <mergeCell ref="F461:L461"/>
    <mergeCell ref="A467:E467"/>
    <mergeCell ref="A442:E442"/>
    <mergeCell ref="F458:L459"/>
    <mergeCell ref="F449:L450"/>
    <mergeCell ref="F451:L451"/>
    <mergeCell ref="F460:L460"/>
    <mergeCell ref="A452:E452"/>
    <mergeCell ref="A450:E450"/>
    <mergeCell ref="J439:M440"/>
    <mergeCell ref="F439:I440"/>
    <mergeCell ref="F462:L462"/>
    <mergeCell ref="A458:E458"/>
    <mergeCell ref="AD383:AG385"/>
    <mergeCell ref="Z383:AC385"/>
    <mergeCell ref="Z386:AC386"/>
    <mergeCell ref="Z340:AC340"/>
    <mergeCell ref="A344:Y344"/>
    <mergeCell ref="R340:U340"/>
    <mergeCell ref="V337:Y337"/>
    <mergeCell ref="V338:Y338"/>
    <mergeCell ref="U348:Y348"/>
    <mergeCell ref="U345:Y345"/>
    <mergeCell ref="U347:Y347"/>
    <mergeCell ref="Q367:T367"/>
    <mergeCell ref="R386:U386"/>
    <mergeCell ref="R383:U385"/>
    <mergeCell ref="N383:Q385"/>
    <mergeCell ref="M357:P357"/>
    <mergeCell ref="P407:R407"/>
    <mergeCell ref="A406:C406"/>
    <mergeCell ref="A405:C405"/>
    <mergeCell ref="A404:C404"/>
    <mergeCell ref="M406:O406"/>
    <mergeCell ref="AD340:AG340"/>
    <mergeCell ref="K347:O347"/>
    <mergeCell ref="AD339:AG339"/>
    <mergeCell ref="A383:E383"/>
    <mergeCell ref="A367:D367"/>
    <mergeCell ref="I367:L367"/>
    <mergeCell ref="I363:L364"/>
    <mergeCell ref="E367:H367"/>
    <mergeCell ref="I377:L377"/>
    <mergeCell ref="K348:O348"/>
    <mergeCell ref="U354:X355"/>
    <mergeCell ref="A238:I238"/>
    <mergeCell ref="AD253:AG253"/>
    <mergeCell ref="R329:U329"/>
    <mergeCell ref="AD337:AG337"/>
    <mergeCell ref="F346:J346"/>
    <mergeCell ref="K346:O346"/>
    <mergeCell ref="P346:T346"/>
    <mergeCell ref="AD338:AG338"/>
    <mergeCell ref="AD336:AG336"/>
    <mergeCell ref="Z329:AC329"/>
    <mergeCell ref="Z339:AC339"/>
    <mergeCell ref="R339:U339"/>
    <mergeCell ref="V280:X280"/>
    <mergeCell ref="AD328:AG328"/>
    <mergeCell ref="N327:Q327"/>
    <mergeCell ref="Z320:AC320"/>
    <mergeCell ref="Z327:AC327"/>
    <mergeCell ref="V325:Y326"/>
    <mergeCell ref="S300:U300"/>
    <mergeCell ref="Y297:AA297"/>
    <mergeCell ref="F290:I290"/>
    <mergeCell ref="P287:U287"/>
    <mergeCell ref="D306:F306"/>
    <mergeCell ref="A307:F307"/>
    <mergeCell ref="A301:E301"/>
    <mergeCell ref="X307:AB307"/>
    <mergeCell ref="S307:W307"/>
    <mergeCell ref="M306:AG306"/>
    <mergeCell ref="AC310:AG310"/>
    <mergeCell ref="F335:I336"/>
    <mergeCell ref="J335:Q335"/>
    <mergeCell ref="AE280:AG280"/>
    <mergeCell ref="AE289:AG289"/>
    <mergeCell ref="J291:L291"/>
    <mergeCell ref="M291:O291"/>
    <mergeCell ref="A298:E298"/>
    <mergeCell ref="F297:I298"/>
    <mergeCell ref="M299:O299"/>
    <mergeCell ref="I280:K280"/>
    <mergeCell ref="L280:O280"/>
    <mergeCell ref="AD256:AG256"/>
    <mergeCell ref="A254:E254"/>
    <mergeCell ref="R253:U253"/>
    <mergeCell ref="J253:M253"/>
    <mergeCell ref="AE281:AG281"/>
    <mergeCell ref="V281:X281"/>
    <mergeCell ref="Y291:AA291"/>
    <mergeCell ref="N267:R267"/>
    <mergeCell ref="N253:Q253"/>
    <mergeCell ref="A253:E253"/>
    <mergeCell ref="A290:E290"/>
    <mergeCell ref="P288:R288"/>
    <mergeCell ref="S279:U279"/>
    <mergeCell ref="I276:K278"/>
    <mergeCell ref="E279:H279"/>
    <mergeCell ref="Y280:AD280"/>
    <mergeCell ref="S277:U278"/>
    <mergeCell ref="V277:AG277"/>
    <mergeCell ref="F291:I291"/>
    <mergeCell ref="J290:L290"/>
    <mergeCell ref="A287:E287"/>
    <mergeCell ref="X268:AB268"/>
    <mergeCell ref="J254:M254"/>
    <mergeCell ref="V253:Y253"/>
    <mergeCell ref="O235:S235"/>
    <mergeCell ref="V278:X278"/>
    <mergeCell ref="J245:U245"/>
    <mergeCell ref="O238:S238"/>
    <mergeCell ref="V242:AG243"/>
    <mergeCell ref="AD254:AG254"/>
    <mergeCell ref="F253:I253"/>
    <mergeCell ref="N268:R268"/>
    <mergeCell ref="R77:U77"/>
    <mergeCell ref="V77:Y77"/>
    <mergeCell ref="A78:G78"/>
    <mergeCell ref="H78:M78"/>
    <mergeCell ref="N78:Q78"/>
    <mergeCell ref="R78:U78"/>
    <mergeCell ref="V78:Y78"/>
    <mergeCell ref="Z78:AC78"/>
    <mergeCell ref="H77:M77"/>
    <mergeCell ref="B228:J228"/>
    <mergeCell ref="B222:J222"/>
    <mergeCell ref="B227:J227"/>
    <mergeCell ref="A206:D206"/>
    <mergeCell ref="AD255:AG255"/>
    <mergeCell ref="R255:U255"/>
    <mergeCell ref="N254:Q254"/>
    <mergeCell ref="F255:I255"/>
    <mergeCell ref="V82:Y82"/>
    <mergeCell ref="M93:S93"/>
    <mergeCell ref="A86:AG86"/>
    <mergeCell ref="M95:S95"/>
    <mergeCell ref="J236:N236"/>
    <mergeCell ref="A235:I235"/>
    <mergeCell ref="A236:I236"/>
    <mergeCell ref="Z74:AC74"/>
    <mergeCell ref="H44:J44"/>
    <mergeCell ref="Z68:AC68"/>
    <mergeCell ref="AD68:AG68"/>
    <mergeCell ref="H68:M68"/>
    <mergeCell ref="V68:Y68"/>
    <mergeCell ref="R65:U65"/>
    <mergeCell ref="V65:Y65"/>
    <mergeCell ref="A75:G75"/>
    <mergeCell ref="A73:G73"/>
    <mergeCell ref="H73:M73"/>
    <mergeCell ref="H72:M72"/>
    <mergeCell ref="AD74:AG74"/>
    <mergeCell ref="V73:Y73"/>
    <mergeCell ref="Z62:AC63"/>
    <mergeCell ref="A55:G55"/>
    <mergeCell ref="N66:Q66"/>
    <mergeCell ref="A53:G53"/>
    <mergeCell ref="R64:U64"/>
    <mergeCell ref="H54:J54"/>
    <mergeCell ref="V62:Y63"/>
    <mergeCell ref="AA47:AD47"/>
    <mergeCell ref="A66:G66"/>
    <mergeCell ref="AD62:AG63"/>
    <mergeCell ref="R62:U63"/>
    <mergeCell ref="Z65:AC65"/>
    <mergeCell ref="AE54:AG54"/>
    <mergeCell ref="W55:Z55"/>
    <mergeCell ref="AA55:AD55"/>
    <mergeCell ref="A52:G52"/>
    <mergeCell ref="A65:G65"/>
    <mergeCell ref="A64:G64"/>
    <mergeCell ref="AD9:AG9"/>
    <mergeCell ref="U11:X11"/>
    <mergeCell ref="AD8:AG8"/>
    <mergeCell ref="Q8:T8"/>
    <mergeCell ref="U8:X8"/>
    <mergeCell ref="Y8:AC8"/>
    <mergeCell ref="Y9:AC9"/>
    <mergeCell ref="Y10:AC10"/>
    <mergeCell ref="Y11:AC11"/>
    <mergeCell ref="Y12:AC12"/>
    <mergeCell ref="AD16:AG16"/>
    <mergeCell ref="AA90:AG91"/>
    <mergeCell ref="S41:V41"/>
    <mergeCell ref="S39:V39"/>
    <mergeCell ref="N73:Q73"/>
    <mergeCell ref="V64:Y64"/>
    <mergeCell ref="Z64:AC64"/>
    <mergeCell ref="AD64:AG64"/>
    <mergeCell ref="Z75:AC75"/>
    <mergeCell ref="AD75:AG75"/>
    <mergeCell ref="U12:X12"/>
    <mergeCell ref="AD12:AG12"/>
    <mergeCell ref="V75:Y75"/>
    <mergeCell ref="K45:N45"/>
    <mergeCell ref="N65:Q65"/>
    <mergeCell ref="AA51:AD51"/>
    <mergeCell ref="AA52:AD52"/>
    <mergeCell ref="AD72:AG72"/>
    <mergeCell ref="R73:U73"/>
    <mergeCell ref="H74:M74"/>
    <mergeCell ref="N74:Q74"/>
    <mergeCell ref="R74:U74"/>
    <mergeCell ref="H5:T5"/>
    <mergeCell ref="H6:K7"/>
    <mergeCell ref="H9:K9"/>
    <mergeCell ref="A6:G6"/>
    <mergeCell ref="Q9:T9"/>
    <mergeCell ref="L8:P8"/>
    <mergeCell ref="H8:K8"/>
    <mergeCell ref="Q26:T26"/>
    <mergeCell ref="H19:K19"/>
    <mergeCell ref="L22:P22"/>
    <mergeCell ref="AD20:AG20"/>
    <mergeCell ref="H24:K24"/>
    <mergeCell ref="A80:G80"/>
    <mergeCell ref="U5:AG5"/>
    <mergeCell ref="L6:P7"/>
    <mergeCell ref="Y6:AC7"/>
    <mergeCell ref="AD6:AG7"/>
    <mergeCell ref="U6:X7"/>
    <mergeCell ref="Q6:T7"/>
    <mergeCell ref="Y14:AC14"/>
    <mergeCell ref="Y19:AC19"/>
    <mergeCell ref="Q11:T11"/>
    <mergeCell ref="U15:X15"/>
    <mergeCell ref="Q12:T12"/>
    <mergeCell ref="Q15:T15"/>
    <mergeCell ref="Y17:AC17"/>
    <mergeCell ref="A54:G54"/>
    <mergeCell ref="H53:J53"/>
    <mergeCell ref="AD13:AG13"/>
    <mergeCell ref="AD17:AG17"/>
    <mergeCell ref="AD11:AG11"/>
    <mergeCell ref="AD15:AG15"/>
    <mergeCell ref="A62:G62"/>
    <mergeCell ref="A63:G63"/>
    <mergeCell ref="A67:G67"/>
    <mergeCell ref="N68:Q68"/>
    <mergeCell ref="A70:G70"/>
    <mergeCell ref="N64:Q64"/>
    <mergeCell ref="H65:M65"/>
    <mergeCell ref="A46:G46"/>
    <mergeCell ref="N67:Q67"/>
    <mergeCell ref="A39:G39"/>
    <mergeCell ref="A1:AG1"/>
    <mergeCell ref="H20:K20"/>
    <mergeCell ref="H18:K18"/>
    <mergeCell ref="Y18:AC18"/>
    <mergeCell ref="AD14:AG14"/>
    <mergeCell ref="Q14:T14"/>
    <mergeCell ref="U13:X13"/>
    <mergeCell ref="Y16:AC16"/>
    <mergeCell ref="Y15:AC15"/>
    <mergeCell ref="U14:X14"/>
    <mergeCell ref="Q13:T13"/>
    <mergeCell ref="Y13:AC13"/>
    <mergeCell ref="AD10:AG10"/>
    <mergeCell ref="U9:X9"/>
    <mergeCell ref="Q10:T10"/>
    <mergeCell ref="U10:X10"/>
    <mergeCell ref="AD18:AG18"/>
    <mergeCell ref="Y25:AC25"/>
    <mergeCell ref="Q19:T19"/>
    <mergeCell ref="A5:G5"/>
    <mergeCell ref="A7:G7"/>
    <mergeCell ref="L9:P9"/>
    <mergeCell ref="AD19:AG19"/>
    <mergeCell ref="H21:K21"/>
    <mergeCell ref="Q21:T21"/>
    <mergeCell ref="Q20:T20"/>
    <mergeCell ref="L21:P21"/>
    <mergeCell ref="Q23:T23"/>
    <mergeCell ref="Q16:T16"/>
    <mergeCell ref="L18:P18"/>
    <mergeCell ref="A18:G18"/>
    <mergeCell ref="L14:P14"/>
    <mergeCell ref="A23:G23"/>
    <mergeCell ref="U18:X18"/>
    <mergeCell ref="U20:X20"/>
    <mergeCell ref="H23:K23"/>
    <mergeCell ref="A51:G51"/>
    <mergeCell ref="A49:G49"/>
    <mergeCell ref="U25:X25"/>
    <mergeCell ref="S48:V48"/>
    <mergeCell ref="A40:G40"/>
    <mergeCell ref="K39:N39"/>
    <mergeCell ref="K41:N41"/>
    <mergeCell ref="H39:J39"/>
    <mergeCell ref="U22:X22"/>
    <mergeCell ref="AD22:AG22"/>
    <mergeCell ref="L17:P17"/>
    <mergeCell ref="H22:K22"/>
    <mergeCell ref="Q17:T17"/>
    <mergeCell ref="Q18:T18"/>
    <mergeCell ref="L20:P20"/>
    <mergeCell ref="H45:J45"/>
    <mergeCell ref="AD23:AG23"/>
    <mergeCell ref="U16:X16"/>
    <mergeCell ref="H81:M81"/>
    <mergeCell ref="H79:M79"/>
    <mergeCell ref="N79:Q79"/>
    <mergeCell ref="R79:U79"/>
    <mergeCell ref="N77:Q77"/>
    <mergeCell ref="R80:U80"/>
    <mergeCell ref="V69:Y69"/>
    <mergeCell ref="V79:Y79"/>
    <mergeCell ref="O53:R53"/>
    <mergeCell ref="O52:R52"/>
    <mergeCell ref="O46:R46"/>
    <mergeCell ref="S42:V42"/>
    <mergeCell ref="R68:U68"/>
    <mergeCell ref="S40:V40"/>
    <mergeCell ref="O43:R43"/>
    <mergeCell ref="S43:V43"/>
    <mergeCell ref="U24:X24"/>
    <mergeCell ref="O48:R48"/>
    <mergeCell ref="V74:Y74"/>
    <mergeCell ref="O50:R50"/>
    <mergeCell ref="S50:V50"/>
    <mergeCell ref="H47:J47"/>
    <mergeCell ref="S49:V49"/>
    <mergeCell ref="K52:N52"/>
    <mergeCell ref="K49:N49"/>
    <mergeCell ref="H48:J48"/>
    <mergeCell ref="H49:J49"/>
    <mergeCell ref="H52:J52"/>
    <mergeCell ref="Y20:AC20"/>
    <mergeCell ref="Y21:AC21"/>
    <mergeCell ref="Q24:T24"/>
    <mergeCell ref="AE44:AG44"/>
    <mergeCell ref="AE46:AG46"/>
    <mergeCell ref="AA45:AD45"/>
    <mergeCell ref="W44:Z44"/>
    <mergeCell ref="O44:R44"/>
    <mergeCell ref="AA44:AD44"/>
    <mergeCell ref="AE48:AG48"/>
    <mergeCell ref="AB218:AG218"/>
    <mergeCell ref="A267:G267"/>
    <mergeCell ref="R254:U254"/>
    <mergeCell ref="N255:Q255"/>
    <mergeCell ref="AD238:AG238"/>
    <mergeCell ref="N442:R442"/>
    <mergeCell ref="P406:R406"/>
    <mergeCell ref="Y404:AA405"/>
    <mergeCell ref="AB434:AD434"/>
    <mergeCell ref="V434:X434"/>
    <mergeCell ref="AB432:AD432"/>
    <mergeCell ref="AB433:AD433"/>
    <mergeCell ref="Y433:AA433"/>
    <mergeCell ref="T92:Z92"/>
    <mergeCell ref="G126:K126"/>
    <mergeCell ref="Q126:T126"/>
    <mergeCell ref="L125:P125"/>
    <mergeCell ref="A268:G268"/>
    <mergeCell ref="L279:O279"/>
    <mergeCell ref="I279:K279"/>
    <mergeCell ref="F289:I289"/>
    <mergeCell ref="J301:L301"/>
    <mergeCell ref="P434:R434"/>
    <mergeCell ref="S432:U432"/>
    <mergeCell ref="P431:R432"/>
    <mergeCell ref="S431:AD431"/>
    <mergeCell ref="S434:U434"/>
    <mergeCell ref="AC439:AG440"/>
    <mergeCell ref="S441:W441"/>
    <mergeCell ref="AC441:AG441"/>
    <mergeCell ref="S439:W440"/>
    <mergeCell ref="Y397:AG397"/>
    <mergeCell ref="E365:H365"/>
    <mergeCell ref="F347:J347"/>
    <mergeCell ref="P435:R435"/>
    <mergeCell ref="A441:E441"/>
    <mergeCell ref="AE404:AG405"/>
    <mergeCell ref="AE408:AG408"/>
    <mergeCell ref="P348:T348"/>
    <mergeCell ref="P347:T347"/>
    <mergeCell ref="Y398:AG398"/>
    <mergeCell ref="AD386:AG386"/>
    <mergeCell ref="M363:P364"/>
    <mergeCell ref="I358:L358"/>
    <mergeCell ref="I357:L357"/>
    <mergeCell ref="I373:L374"/>
    <mergeCell ref="F386:I386"/>
    <mergeCell ref="F413:S413"/>
    <mergeCell ref="F416:S416"/>
    <mergeCell ref="A414:E414"/>
    <mergeCell ref="A413:E413"/>
    <mergeCell ref="F414:S414"/>
    <mergeCell ref="N386:Q386"/>
    <mergeCell ref="M367:P367"/>
    <mergeCell ref="L470:Q470"/>
    <mergeCell ref="R470:W470"/>
    <mergeCell ref="A469:E469"/>
    <mergeCell ref="AC469:AG469"/>
    <mergeCell ref="F469:K469"/>
    <mergeCell ref="L469:Q469"/>
    <mergeCell ref="A354:D355"/>
    <mergeCell ref="A378:D378"/>
    <mergeCell ref="A363:D364"/>
    <mergeCell ref="A426:E426"/>
    <mergeCell ref="A425:E425"/>
    <mergeCell ref="A424:E424"/>
    <mergeCell ref="F425:L425"/>
    <mergeCell ref="F423:L424"/>
    <mergeCell ref="T417:AG417"/>
    <mergeCell ref="AA426:AG426"/>
    <mergeCell ref="AA424:AG424"/>
    <mergeCell ref="AE434:AG434"/>
    <mergeCell ref="X441:AB441"/>
    <mergeCell ref="S442:W442"/>
    <mergeCell ref="V435:X435"/>
    <mergeCell ref="X439:AB440"/>
    <mergeCell ref="J403:AG403"/>
    <mergeCell ref="P404:R405"/>
    <mergeCell ref="J431:L432"/>
    <mergeCell ref="F467:W467"/>
    <mergeCell ref="X467:AB468"/>
    <mergeCell ref="A407:C407"/>
    <mergeCell ref="A408:C408"/>
    <mergeCell ref="G408:I408"/>
    <mergeCell ref="D408:F408"/>
    <mergeCell ref="P408:R408"/>
    <mergeCell ref="AB435:AD435"/>
    <mergeCell ref="Y435:AA435"/>
    <mergeCell ref="Q356:T356"/>
    <mergeCell ref="U356:X356"/>
    <mergeCell ref="F348:J348"/>
    <mergeCell ref="E366:H366"/>
    <mergeCell ref="M356:P356"/>
    <mergeCell ref="X442:AB442"/>
    <mergeCell ref="V404:X405"/>
    <mergeCell ref="I354:L355"/>
    <mergeCell ref="E356:H356"/>
    <mergeCell ref="E377:H377"/>
    <mergeCell ref="E375:H375"/>
    <mergeCell ref="A386:E386"/>
    <mergeCell ref="A356:D356"/>
    <mergeCell ref="I365:L365"/>
    <mergeCell ref="I366:L366"/>
    <mergeCell ref="E378:H378"/>
    <mergeCell ref="I356:L356"/>
    <mergeCell ref="Q366:T366"/>
    <mergeCell ref="M378:P378"/>
    <mergeCell ref="A366:D366"/>
    <mergeCell ref="M366:P366"/>
    <mergeCell ref="R387:U387"/>
    <mergeCell ref="F435:I435"/>
    <mergeCell ref="J435:L435"/>
    <mergeCell ref="F434:I434"/>
    <mergeCell ref="J433:L433"/>
    <mergeCell ref="M433:O433"/>
    <mergeCell ref="A434:E434"/>
    <mergeCell ref="A433:E433"/>
    <mergeCell ref="M434:O434"/>
    <mergeCell ref="I478:AB478"/>
    <mergeCell ref="S435:U435"/>
    <mergeCell ref="Q363:T364"/>
    <mergeCell ref="A460:E460"/>
    <mergeCell ref="N441:R441"/>
    <mergeCell ref="Y434:AA434"/>
    <mergeCell ref="M435:O435"/>
    <mergeCell ref="AB406:AD406"/>
    <mergeCell ref="A470:E470"/>
    <mergeCell ref="AE406:AG406"/>
    <mergeCell ref="V407:X407"/>
    <mergeCell ref="V406:X406"/>
    <mergeCell ref="A468:E468"/>
    <mergeCell ref="F468:K468"/>
    <mergeCell ref="A461:E461"/>
    <mergeCell ref="A462:E462"/>
    <mergeCell ref="A449:E449"/>
    <mergeCell ref="F452:L452"/>
    <mergeCell ref="F415:S415"/>
    <mergeCell ref="X470:AB470"/>
    <mergeCell ref="R469:W469"/>
    <mergeCell ref="AC443:AG443"/>
    <mergeCell ref="AE435:AG435"/>
    <mergeCell ref="R468:W468"/>
    <mergeCell ref="AC470:AG470"/>
    <mergeCell ref="Y408:AA408"/>
    <mergeCell ref="N439:R440"/>
    <mergeCell ref="AC478:AG479"/>
    <mergeCell ref="A479:E479"/>
    <mergeCell ref="A403:C403"/>
    <mergeCell ref="G407:I407"/>
    <mergeCell ref="J407:L407"/>
    <mergeCell ref="I479:L479"/>
    <mergeCell ref="A482:E482"/>
    <mergeCell ref="I482:L482"/>
    <mergeCell ref="A480:E480"/>
    <mergeCell ref="Y481:AB481"/>
    <mergeCell ref="I481:L481"/>
    <mergeCell ref="AC467:AG468"/>
    <mergeCell ref="Y479:AB479"/>
    <mergeCell ref="X443:AB443"/>
    <mergeCell ref="F478:H479"/>
    <mergeCell ref="AC442:AG442"/>
    <mergeCell ref="J443:M443"/>
    <mergeCell ref="M358:P358"/>
    <mergeCell ref="P395:X395"/>
    <mergeCell ref="M404:O405"/>
    <mergeCell ref="G404:I405"/>
    <mergeCell ref="AE431:AG432"/>
    <mergeCell ref="V432:X432"/>
    <mergeCell ref="M479:P479"/>
    <mergeCell ref="A471:E471"/>
    <mergeCell ref="U479:X479"/>
    <mergeCell ref="Q479:T479"/>
    <mergeCell ref="A478:E478"/>
    <mergeCell ref="A474:AG474"/>
    <mergeCell ref="F471:K471"/>
    <mergeCell ref="AC471:AG471"/>
    <mergeCell ref="R471:W471"/>
    <mergeCell ref="X469:AB469"/>
    <mergeCell ref="X471:AB471"/>
    <mergeCell ref="F470:K470"/>
    <mergeCell ref="L471:Q471"/>
    <mergeCell ref="J383:M385"/>
    <mergeCell ref="H489:L490"/>
    <mergeCell ref="S489:W490"/>
    <mergeCell ref="A489:G490"/>
    <mergeCell ref="X491:AB491"/>
    <mergeCell ref="AC491:AG491"/>
    <mergeCell ref="F482:H482"/>
    <mergeCell ref="A485:AG485"/>
    <mergeCell ref="Q482:T482"/>
    <mergeCell ref="AC489:AG490"/>
    <mergeCell ref="X489:AB490"/>
    <mergeCell ref="H491:L491"/>
    <mergeCell ref="U481:X481"/>
    <mergeCell ref="F480:H480"/>
    <mergeCell ref="Y480:AB480"/>
    <mergeCell ref="Y482:AB482"/>
    <mergeCell ref="S491:W491"/>
    <mergeCell ref="M491:R491"/>
    <mergeCell ref="M489:R490"/>
    <mergeCell ref="A491:G491"/>
    <mergeCell ref="F481:H481"/>
    <mergeCell ref="A481:E481"/>
    <mergeCell ref="U480:X480"/>
    <mergeCell ref="M481:P481"/>
    <mergeCell ref="AC480:AG480"/>
    <mergeCell ref="Q481:T481"/>
    <mergeCell ref="AC481:AG481"/>
    <mergeCell ref="I480:L480"/>
    <mergeCell ref="Q480:T480"/>
    <mergeCell ref="U482:X482"/>
    <mergeCell ref="AC482:AG482"/>
    <mergeCell ref="M482:P482"/>
    <mergeCell ref="M480:P480"/>
    <mergeCell ref="AB224:AG224"/>
    <mergeCell ref="H268:M268"/>
    <mergeCell ref="U204:X204"/>
    <mergeCell ref="Q204:T204"/>
    <mergeCell ref="Y205:AB205"/>
    <mergeCell ref="AC205:AF205"/>
    <mergeCell ref="U206:X206"/>
    <mergeCell ref="Q205:T205"/>
    <mergeCell ref="Y206:AB206"/>
    <mergeCell ref="AB221:AG221"/>
    <mergeCell ref="H266:M266"/>
    <mergeCell ref="E204:F204"/>
    <mergeCell ref="B219:J219"/>
    <mergeCell ref="B224:J224"/>
    <mergeCell ref="G204:H204"/>
    <mergeCell ref="A242:I242"/>
    <mergeCell ref="A232:D232"/>
    <mergeCell ref="A215:K215"/>
    <mergeCell ref="AB222:AG222"/>
    <mergeCell ref="AC204:AF204"/>
    <mergeCell ref="O204:P204"/>
    <mergeCell ref="A234:I234"/>
    <mergeCell ref="B223:J223"/>
    <mergeCell ref="AB226:AG226"/>
    <mergeCell ref="K205:L205"/>
    <mergeCell ref="I204:J204"/>
    <mergeCell ref="U205:X205"/>
    <mergeCell ref="A214:K214"/>
    <mergeCell ref="AB219:AG219"/>
    <mergeCell ref="Y236:AC236"/>
    <mergeCell ref="O236:S236"/>
    <mergeCell ref="T236:X236"/>
    <mergeCell ref="O205:P205"/>
    <mergeCell ref="B221:J221"/>
    <mergeCell ref="A248:AD248"/>
    <mergeCell ref="A245:I245"/>
    <mergeCell ref="A204:D204"/>
    <mergeCell ref="A243:I243"/>
    <mergeCell ref="T238:X238"/>
    <mergeCell ref="J246:U246"/>
    <mergeCell ref="Q201:AB202"/>
    <mergeCell ref="B229:J229"/>
    <mergeCell ref="L229:S229"/>
    <mergeCell ref="T229:AA229"/>
    <mergeCell ref="AB229:AG229"/>
    <mergeCell ref="L217:S217"/>
    <mergeCell ref="L220:S220"/>
    <mergeCell ref="L221:S221"/>
    <mergeCell ref="AB215:AG215"/>
    <mergeCell ref="Q206:T206"/>
    <mergeCell ref="J238:N238"/>
    <mergeCell ref="Y235:AC235"/>
    <mergeCell ref="B225:J225"/>
    <mergeCell ref="AB216:AG216"/>
    <mergeCell ref="A212:K212"/>
    <mergeCell ref="B216:J216"/>
    <mergeCell ref="K206:L206"/>
    <mergeCell ref="L219:S219"/>
    <mergeCell ref="T217:AA217"/>
    <mergeCell ref="AB217:AG217"/>
    <mergeCell ref="T216:AA216"/>
    <mergeCell ref="A246:I246"/>
    <mergeCell ref="I206:J206"/>
    <mergeCell ref="AB223:AG223"/>
    <mergeCell ref="L121:P121"/>
    <mergeCell ref="M99:S99"/>
    <mergeCell ref="AA106:AG106"/>
    <mergeCell ref="U121:X121"/>
    <mergeCell ref="T101:Z101"/>
    <mergeCell ref="U126:X126"/>
    <mergeCell ref="Q123:T123"/>
    <mergeCell ref="Y123:AC123"/>
    <mergeCell ref="Q121:T121"/>
    <mergeCell ref="Q122:T122"/>
    <mergeCell ref="Y125:AC125"/>
    <mergeCell ref="Q124:T124"/>
    <mergeCell ref="U125:X125"/>
    <mergeCell ref="L122:P122"/>
    <mergeCell ref="Y126:AC126"/>
    <mergeCell ref="AD124:AG124"/>
    <mergeCell ref="U122:X122"/>
    <mergeCell ref="T107:Z107"/>
    <mergeCell ref="L124:P124"/>
    <mergeCell ref="C100:L100"/>
    <mergeCell ref="T105:Z105"/>
    <mergeCell ref="T108:Z108"/>
    <mergeCell ref="C99:L99"/>
    <mergeCell ref="AA103:AG103"/>
    <mergeCell ref="A117:F117"/>
    <mergeCell ref="C108:L108"/>
    <mergeCell ref="T102:Z102"/>
    <mergeCell ref="B104:L104"/>
    <mergeCell ref="M107:S107"/>
    <mergeCell ref="M105:S105"/>
    <mergeCell ref="AD123:AG123"/>
    <mergeCell ref="AD126:AG126"/>
    <mergeCell ref="M103:S103"/>
    <mergeCell ref="AA102:AG102"/>
    <mergeCell ref="AA101:AG101"/>
    <mergeCell ref="M101:S101"/>
    <mergeCell ref="M97:S97"/>
    <mergeCell ref="AE41:AG41"/>
    <mergeCell ref="W41:Z41"/>
    <mergeCell ref="W40:Z40"/>
    <mergeCell ref="W42:Z42"/>
    <mergeCell ref="W39:Z39"/>
    <mergeCell ref="AE40:AG40"/>
    <mergeCell ref="AA42:AD42"/>
    <mergeCell ref="AE39:AG39"/>
    <mergeCell ref="AA50:AD50"/>
    <mergeCell ref="S37:V37"/>
    <mergeCell ref="K34:N36"/>
    <mergeCell ref="AE43:AG43"/>
    <mergeCell ref="AE42:AG42"/>
    <mergeCell ref="W48:Z48"/>
    <mergeCell ref="A92:L92"/>
    <mergeCell ref="J94:L94"/>
    <mergeCell ref="M98:S98"/>
    <mergeCell ref="M90:S91"/>
    <mergeCell ref="A74:G74"/>
    <mergeCell ref="A50:G50"/>
    <mergeCell ref="A42:G42"/>
    <mergeCell ref="A43:G43"/>
    <mergeCell ref="A68:G68"/>
    <mergeCell ref="A44:G44"/>
    <mergeCell ref="A47:G47"/>
    <mergeCell ref="A48:G48"/>
    <mergeCell ref="A71:G71"/>
    <mergeCell ref="U19:X19"/>
    <mergeCell ref="A21:G21"/>
    <mergeCell ref="A38:G38"/>
    <mergeCell ref="L23:P23"/>
    <mergeCell ref="M108:S108"/>
    <mergeCell ref="U17:X17"/>
    <mergeCell ref="A358:D358"/>
    <mergeCell ref="A8:G8"/>
    <mergeCell ref="A9:G9"/>
    <mergeCell ref="A10:G10"/>
    <mergeCell ref="A11:G11"/>
    <mergeCell ref="A12:G12"/>
    <mergeCell ref="L10:P10"/>
    <mergeCell ref="H11:K11"/>
    <mergeCell ref="H10:K10"/>
    <mergeCell ref="L12:P12"/>
    <mergeCell ref="H12:K12"/>
    <mergeCell ref="L11:P11"/>
    <mergeCell ref="H13:K13"/>
    <mergeCell ref="L16:P16"/>
    <mergeCell ref="A15:G15"/>
    <mergeCell ref="A16:G16"/>
    <mergeCell ref="H16:K16"/>
    <mergeCell ref="L13:P13"/>
    <mergeCell ref="A13:G13"/>
    <mergeCell ref="H15:K15"/>
    <mergeCell ref="H14:K14"/>
    <mergeCell ref="A14:G14"/>
    <mergeCell ref="L15:P15"/>
    <mergeCell ref="Q22:T22"/>
    <mergeCell ref="T99:Z99"/>
    <mergeCell ref="T100:Z100"/>
    <mergeCell ref="H17:K17"/>
    <mergeCell ref="A20:G20"/>
    <mergeCell ref="A19:G19"/>
    <mergeCell ref="A17:G17"/>
    <mergeCell ref="A34:G34"/>
    <mergeCell ref="A36:G36"/>
    <mergeCell ref="A37:G37"/>
    <mergeCell ref="A24:G24"/>
    <mergeCell ref="A25:G25"/>
    <mergeCell ref="H34:J36"/>
    <mergeCell ref="H37:J37"/>
    <mergeCell ref="O41:R41"/>
    <mergeCell ref="L24:P24"/>
    <mergeCell ref="H50:J50"/>
    <mergeCell ref="H51:J51"/>
    <mergeCell ref="H41:J41"/>
    <mergeCell ref="O40:R40"/>
    <mergeCell ref="K38:N38"/>
    <mergeCell ref="H43:J43"/>
    <mergeCell ref="K43:N43"/>
    <mergeCell ref="A22:G22"/>
    <mergeCell ref="H40:J40"/>
    <mergeCell ref="H38:J38"/>
    <mergeCell ref="H25:K25"/>
    <mergeCell ref="L19:P19"/>
    <mergeCell ref="A41:G41"/>
    <mergeCell ref="A45:G45"/>
    <mergeCell ref="A125:F125"/>
    <mergeCell ref="G124:K124"/>
    <mergeCell ref="A122:F122"/>
    <mergeCell ref="G123:K123"/>
    <mergeCell ref="A120:F120"/>
    <mergeCell ref="G120:K120"/>
    <mergeCell ref="A119:F119"/>
    <mergeCell ref="A123:F123"/>
    <mergeCell ref="G121:K121"/>
    <mergeCell ref="M104:S104"/>
    <mergeCell ref="K204:L204"/>
    <mergeCell ref="O203:P203"/>
    <mergeCell ref="A365:D365"/>
    <mergeCell ref="E357:H357"/>
    <mergeCell ref="A348:E348"/>
    <mergeCell ref="E354:H355"/>
    <mergeCell ref="J234:N235"/>
    <mergeCell ref="O234:AC234"/>
    <mergeCell ref="A237:I237"/>
    <mergeCell ref="A357:D357"/>
    <mergeCell ref="E363:H364"/>
    <mergeCell ref="J256:M256"/>
    <mergeCell ref="Z256:AC256"/>
    <mergeCell ref="R256:U256"/>
    <mergeCell ref="V246:AG246"/>
    <mergeCell ref="AC266:AG266"/>
    <mergeCell ref="J244:U244"/>
    <mergeCell ref="Y238:AC238"/>
    <mergeCell ref="V245:AG245"/>
    <mergeCell ref="Z254:AC254"/>
    <mergeCell ref="A252:E252"/>
    <mergeCell ref="AD119:AG119"/>
    <mergeCell ref="V252:AG252"/>
    <mergeCell ref="A256:E256"/>
    <mergeCell ref="Z253:AC253"/>
    <mergeCell ref="V254:Y254"/>
    <mergeCell ref="S280:U280"/>
    <mergeCell ref="AB299:AD299"/>
    <mergeCell ref="M290:O290"/>
    <mergeCell ref="Y289:AA289"/>
    <mergeCell ref="AB289:AD289"/>
    <mergeCell ref="P280:R280"/>
    <mergeCell ref="A244:I244"/>
    <mergeCell ref="V244:AG244"/>
    <mergeCell ref="A269:G269"/>
    <mergeCell ref="A277:D277"/>
    <mergeCell ref="H269:M269"/>
    <mergeCell ref="A276:D276"/>
    <mergeCell ref="P276:AG276"/>
    <mergeCell ref="A279:D279"/>
    <mergeCell ref="A281:D281"/>
    <mergeCell ref="E281:H281"/>
    <mergeCell ref="A289:E289"/>
    <mergeCell ref="A288:E288"/>
    <mergeCell ref="A280:D280"/>
    <mergeCell ref="A278:D278"/>
    <mergeCell ref="L276:O278"/>
    <mergeCell ref="AE279:AG279"/>
    <mergeCell ref="V289:X289"/>
    <mergeCell ref="V287:X288"/>
    <mergeCell ref="A291:E291"/>
    <mergeCell ref="F252:U252"/>
    <mergeCell ref="Z255:AC255"/>
    <mergeCell ref="S288:U288"/>
    <mergeCell ref="P297:R297"/>
    <mergeCell ref="P298:R298"/>
    <mergeCell ref="M301:O301"/>
    <mergeCell ref="I281:K281"/>
    <mergeCell ref="J288:L288"/>
    <mergeCell ref="P281:R281"/>
    <mergeCell ref="S289:U289"/>
    <mergeCell ref="M288:O288"/>
    <mergeCell ref="L281:O281"/>
    <mergeCell ref="P289:R289"/>
    <mergeCell ref="M289:O289"/>
    <mergeCell ref="AB291:AD291"/>
    <mergeCell ref="Y298:AA298"/>
    <mergeCell ref="P290:R290"/>
    <mergeCell ref="P291:R291"/>
    <mergeCell ref="P299:R299"/>
    <mergeCell ref="M300:O300"/>
    <mergeCell ref="J255:M255"/>
    <mergeCell ref="V279:X279"/>
    <mergeCell ref="A297:E297"/>
    <mergeCell ref="A299:E299"/>
    <mergeCell ref="P300:R300"/>
    <mergeCell ref="S301:U301"/>
    <mergeCell ref="V300:X300"/>
    <mergeCell ref="AD319:AG319"/>
    <mergeCell ref="S310:W310"/>
    <mergeCell ref="X308:AB308"/>
    <mergeCell ref="X310:AB310"/>
    <mergeCell ref="X309:AB309"/>
    <mergeCell ref="F301:I301"/>
    <mergeCell ref="F300:I300"/>
    <mergeCell ref="S299:U299"/>
    <mergeCell ref="AC307:AG307"/>
    <mergeCell ref="M298:O298"/>
    <mergeCell ref="J300:L300"/>
    <mergeCell ref="G309:L309"/>
    <mergeCell ref="M307:R307"/>
    <mergeCell ref="M297:O297"/>
    <mergeCell ref="H267:M267"/>
    <mergeCell ref="V256:Y256"/>
    <mergeCell ref="AB290:AD290"/>
    <mergeCell ref="P301:R301"/>
    <mergeCell ref="AB300:AD300"/>
    <mergeCell ref="S298:U298"/>
    <mergeCell ref="S297:U297"/>
    <mergeCell ref="V301:X301"/>
    <mergeCell ref="J299:L299"/>
    <mergeCell ref="F299:I299"/>
    <mergeCell ref="J297:L298"/>
    <mergeCell ref="AD327:AG327"/>
    <mergeCell ref="Z337:AC337"/>
    <mergeCell ref="Z338:AC338"/>
    <mergeCell ref="Z336:AC336"/>
    <mergeCell ref="AD318:AG318"/>
    <mergeCell ref="R338:U338"/>
    <mergeCell ref="A300:E300"/>
    <mergeCell ref="R318:U318"/>
    <mergeCell ref="R319:U319"/>
    <mergeCell ref="V319:Y319"/>
    <mergeCell ref="A309:F309"/>
    <mergeCell ref="V320:Y320"/>
    <mergeCell ref="AC308:AG308"/>
    <mergeCell ref="V298:X298"/>
    <mergeCell ref="S308:W308"/>
    <mergeCell ref="V316:Y317"/>
    <mergeCell ref="F318:I318"/>
    <mergeCell ref="J320:M320"/>
    <mergeCell ref="R316:U317"/>
    <mergeCell ref="G306:L307"/>
    <mergeCell ref="AE433:AG433"/>
    <mergeCell ref="A416:E416"/>
    <mergeCell ref="M408:O408"/>
    <mergeCell ref="A415:E415"/>
    <mergeCell ref="V433:X433"/>
    <mergeCell ref="Y432:AA432"/>
    <mergeCell ref="AD388:AG388"/>
    <mergeCell ref="T426:Z426"/>
    <mergeCell ref="S433:U433"/>
    <mergeCell ref="F417:S417"/>
    <mergeCell ref="M423:S424"/>
    <mergeCell ref="F426:L426"/>
    <mergeCell ref="M426:S426"/>
    <mergeCell ref="F431:I432"/>
    <mergeCell ref="P433:R433"/>
    <mergeCell ref="M425:S425"/>
    <mergeCell ref="M308:R308"/>
    <mergeCell ref="M431:O432"/>
    <mergeCell ref="Z318:AC318"/>
    <mergeCell ref="U346:Y346"/>
    <mergeCell ref="V336:Y336"/>
    <mergeCell ref="J340:M340"/>
    <mergeCell ref="F337:I337"/>
    <mergeCell ref="Q365:T365"/>
    <mergeCell ref="U358:X358"/>
    <mergeCell ref="I375:L375"/>
    <mergeCell ref="Z319:AC319"/>
    <mergeCell ref="AD325:AG326"/>
    <mergeCell ref="R320:U320"/>
    <mergeCell ref="Z328:AC328"/>
    <mergeCell ref="R328:U328"/>
    <mergeCell ref="V387:Y387"/>
    <mergeCell ref="AA427:AG427"/>
    <mergeCell ref="AA425:AG425"/>
    <mergeCell ref="T423:AG423"/>
    <mergeCell ref="T425:Z425"/>
    <mergeCell ref="D406:F406"/>
    <mergeCell ref="S406:U406"/>
    <mergeCell ref="D403:I403"/>
    <mergeCell ref="D404:F405"/>
    <mergeCell ref="T414:AG414"/>
    <mergeCell ref="D407:F407"/>
    <mergeCell ref="J408:L408"/>
    <mergeCell ref="S404:U405"/>
    <mergeCell ref="Y406:AA406"/>
    <mergeCell ref="AB404:AD405"/>
    <mergeCell ref="S408:U408"/>
    <mergeCell ref="Z388:AC388"/>
    <mergeCell ref="R388:U388"/>
    <mergeCell ref="A397:F397"/>
    <mergeCell ref="P398:X398"/>
    <mergeCell ref="AB408:AD408"/>
    <mergeCell ref="A417:E417"/>
    <mergeCell ref="F427:L427"/>
    <mergeCell ref="A423:E423"/>
    <mergeCell ref="G396:O396"/>
    <mergeCell ref="A395:F395"/>
    <mergeCell ref="G395:O395"/>
    <mergeCell ref="A398:F398"/>
    <mergeCell ref="G399:O399"/>
    <mergeCell ref="A396:F396"/>
    <mergeCell ref="A376:D376"/>
    <mergeCell ref="Q357:T357"/>
    <mergeCell ref="Q358:T358"/>
    <mergeCell ref="M354:P355"/>
    <mergeCell ref="M427:S427"/>
    <mergeCell ref="M373:P374"/>
    <mergeCell ref="M375:P375"/>
    <mergeCell ref="M376:P376"/>
    <mergeCell ref="M377:P377"/>
    <mergeCell ref="P396:X396"/>
    <mergeCell ref="P399:X399"/>
    <mergeCell ref="G397:O397"/>
    <mergeCell ref="R327:U327"/>
    <mergeCell ref="J327:M327"/>
    <mergeCell ref="F327:I327"/>
    <mergeCell ref="R337:U337"/>
    <mergeCell ref="G406:I406"/>
    <mergeCell ref="J406:L406"/>
    <mergeCell ref="T424:Z424"/>
    <mergeCell ref="V339:Y339"/>
    <mergeCell ref="R335:U336"/>
    <mergeCell ref="N339:Q339"/>
    <mergeCell ref="V340:Y340"/>
    <mergeCell ref="V328:Y328"/>
    <mergeCell ref="N340:Q340"/>
    <mergeCell ref="F340:I340"/>
    <mergeCell ref="F339:I339"/>
    <mergeCell ref="V335:AG335"/>
    <mergeCell ref="AD329:AG329"/>
    <mergeCell ref="F328:I328"/>
    <mergeCell ref="N328:Q328"/>
    <mergeCell ref="V327:Y327"/>
    <mergeCell ref="J434:L434"/>
    <mergeCell ref="F433:I433"/>
    <mergeCell ref="A431:E431"/>
    <mergeCell ref="J318:M318"/>
    <mergeCell ref="E376:H376"/>
    <mergeCell ref="A377:D377"/>
    <mergeCell ref="A340:E340"/>
    <mergeCell ref="J329:M329"/>
    <mergeCell ref="J325:M326"/>
    <mergeCell ref="J337:M337"/>
    <mergeCell ref="A375:D375"/>
    <mergeCell ref="A338:E338"/>
    <mergeCell ref="N338:Q338"/>
    <mergeCell ref="J338:M338"/>
    <mergeCell ref="P345:T345"/>
    <mergeCell ref="T427:Z427"/>
    <mergeCell ref="A327:E327"/>
    <mergeCell ref="Z387:AC387"/>
    <mergeCell ref="Y395:AG395"/>
    <mergeCell ref="I376:L376"/>
    <mergeCell ref="V386:Y386"/>
    <mergeCell ref="V383:Y385"/>
    <mergeCell ref="Q354:T355"/>
    <mergeCell ref="A432:E432"/>
    <mergeCell ref="J328:M328"/>
    <mergeCell ref="A339:E339"/>
    <mergeCell ref="F338:I338"/>
    <mergeCell ref="N336:Q337"/>
    <mergeCell ref="A329:E329"/>
    <mergeCell ref="F329:I329"/>
    <mergeCell ref="A373:D374"/>
    <mergeCell ref="N387:Q387"/>
    <mergeCell ref="AA108:AG108"/>
    <mergeCell ref="Y121:AC121"/>
    <mergeCell ref="Q125:T125"/>
    <mergeCell ref="I138:K138"/>
    <mergeCell ref="L138:O138"/>
    <mergeCell ref="Y127:AC127"/>
    <mergeCell ref="Z317:AC317"/>
    <mergeCell ref="J289:L289"/>
    <mergeCell ref="B217:J217"/>
    <mergeCell ref="Y119:AC119"/>
    <mergeCell ref="L116:P118"/>
    <mergeCell ref="A140:H140"/>
    <mergeCell ref="I140:K140"/>
    <mergeCell ref="U357:X357"/>
    <mergeCell ref="E373:H374"/>
    <mergeCell ref="F387:I387"/>
    <mergeCell ref="J387:M387"/>
    <mergeCell ref="J316:M317"/>
    <mergeCell ref="N325:Q326"/>
    <mergeCell ref="F345:J345"/>
    <mergeCell ref="V329:Y329"/>
    <mergeCell ref="J336:M336"/>
    <mergeCell ref="I378:L378"/>
    <mergeCell ref="A347:E347"/>
    <mergeCell ref="A328:E328"/>
    <mergeCell ref="N329:Q329"/>
    <mergeCell ref="F383:I385"/>
    <mergeCell ref="J386:M386"/>
    <mergeCell ref="M365:P365"/>
    <mergeCell ref="E358:H358"/>
    <mergeCell ref="J339:M339"/>
    <mergeCell ref="A346:E346"/>
    <mergeCell ref="C109:L109"/>
    <mergeCell ref="AA109:AG109"/>
    <mergeCell ref="AD117:AG118"/>
    <mergeCell ref="Y116:AG116"/>
    <mergeCell ref="U116:X118"/>
    <mergeCell ref="M203:N203"/>
    <mergeCell ref="I203:J203"/>
    <mergeCell ref="G203:H203"/>
    <mergeCell ref="A201:D202"/>
    <mergeCell ref="E203:F203"/>
    <mergeCell ref="A345:E345"/>
    <mergeCell ref="K345:O345"/>
    <mergeCell ref="A318:E318"/>
    <mergeCell ref="R325:U326"/>
    <mergeCell ref="F320:I320"/>
    <mergeCell ref="F325:I326"/>
    <mergeCell ref="N320:Q320"/>
    <mergeCell ref="A308:F308"/>
    <mergeCell ref="G308:L308"/>
    <mergeCell ref="A320:E320"/>
    <mergeCell ref="N316:Q317"/>
    <mergeCell ref="A310:F310"/>
    <mergeCell ref="N318:Q318"/>
    <mergeCell ref="F316:I317"/>
    <mergeCell ref="A317:E317"/>
    <mergeCell ref="V318:Y318"/>
    <mergeCell ref="D316:E316"/>
    <mergeCell ref="M309:R309"/>
    <mergeCell ref="N319:Q319"/>
    <mergeCell ref="A319:E319"/>
    <mergeCell ref="J319:M319"/>
    <mergeCell ref="F319:I319"/>
    <mergeCell ref="A387:E387"/>
    <mergeCell ref="Y399:AG399"/>
    <mergeCell ref="A399:F399"/>
    <mergeCell ref="T416:AG416"/>
    <mergeCell ref="T415:AG415"/>
    <mergeCell ref="M407:O407"/>
    <mergeCell ref="Y407:AA407"/>
    <mergeCell ref="S407:U407"/>
    <mergeCell ref="AB407:AD407"/>
    <mergeCell ref="AE407:AG407"/>
    <mergeCell ref="T413:AG413"/>
    <mergeCell ref="V408:X408"/>
    <mergeCell ref="J404:L405"/>
    <mergeCell ref="AD387:AG387"/>
    <mergeCell ref="J388:M388"/>
    <mergeCell ref="A388:E388"/>
    <mergeCell ref="V388:Y388"/>
    <mergeCell ref="Y396:AG396"/>
    <mergeCell ref="N388:Q388"/>
    <mergeCell ref="T103:Z103"/>
    <mergeCell ref="AA93:AG93"/>
    <mergeCell ref="AA96:AG96"/>
    <mergeCell ref="AA94:AG94"/>
    <mergeCell ref="AA95:AG95"/>
    <mergeCell ref="C101:L101"/>
    <mergeCell ref="B97:L97"/>
    <mergeCell ref="J287:O287"/>
    <mergeCell ref="G310:L310"/>
    <mergeCell ref="P397:X397"/>
    <mergeCell ref="G398:O398"/>
    <mergeCell ref="F388:I388"/>
    <mergeCell ref="AA107:AG107"/>
    <mergeCell ref="W47:Z47"/>
    <mergeCell ref="AH34:AK36"/>
    <mergeCell ref="AE34:AG36"/>
    <mergeCell ref="AE45:AG45"/>
    <mergeCell ref="AE37:AG37"/>
    <mergeCell ref="AE38:AG38"/>
    <mergeCell ref="K44:N44"/>
    <mergeCell ref="AI37:AK37"/>
    <mergeCell ref="O51:R51"/>
    <mergeCell ref="S51:V51"/>
    <mergeCell ref="AA49:AD49"/>
    <mergeCell ref="AA37:AD37"/>
    <mergeCell ref="AA40:AD40"/>
    <mergeCell ref="AA41:AD41"/>
    <mergeCell ref="AI38:AK38"/>
    <mergeCell ref="AI46:AK46"/>
    <mergeCell ref="AI45:AK45"/>
    <mergeCell ref="AI52:AK52"/>
    <mergeCell ref="AI51:AK51"/>
    <mergeCell ref="AI43:AK43"/>
    <mergeCell ref="AI44:AK44"/>
    <mergeCell ref="O38:R38"/>
    <mergeCell ref="AI40:AK40"/>
    <mergeCell ref="AI39:AK39"/>
    <mergeCell ref="AI41:AK41"/>
    <mergeCell ref="W52:Z52"/>
    <mergeCell ref="K40:N40"/>
    <mergeCell ref="AA43:AD43"/>
    <mergeCell ref="W43:Z43"/>
    <mergeCell ref="O42:R42"/>
    <mergeCell ref="O45:R45"/>
    <mergeCell ref="S45:V45"/>
    <mergeCell ref="AA46:AD46"/>
    <mergeCell ref="Y26:AC26"/>
    <mergeCell ref="U26:X26"/>
    <mergeCell ref="AA34:AD36"/>
    <mergeCell ref="O34:R36"/>
    <mergeCell ref="O39:R39"/>
    <mergeCell ref="W34:Z36"/>
    <mergeCell ref="AA39:AD39"/>
    <mergeCell ref="K37:N37"/>
    <mergeCell ref="S38:V38"/>
    <mergeCell ref="AA38:AD38"/>
    <mergeCell ref="S46:V46"/>
    <mergeCell ref="S44:V44"/>
    <mergeCell ref="W37:Z37"/>
    <mergeCell ref="W46:Z46"/>
    <mergeCell ref="S34:V36"/>
    <mergeCell ref="K42:N42"/>
    <mergeCell ref="AD21:AG21"/>
    <mergeCell ref="S47:V47"/>
    <mergeCell ref="A26:G26"/>
    <mergeCell ref="L26:P26"/>
    <mergeCell ref="W45:Z45"/>
    <mergeCell ref="O37:R37"/>
    <mergeCell ref="Q25:T25"/>
    <mergeCell ref="L25:P25"/>
    <mergeCell ref="W38:Z38"/>
    <mergeCell ref="AD25:AG25"/>
    <mergeCell ref="H26:K26"/>
    <mergeCell ref="AD26:AG26"/>
    <mergeCell ref="M100:S100"/>
    <mergeCell ref="M96:S96"/>
    <mergeCell ref="M94:S94"/>
    <mergeCell ref="M92:S92"/>
    <mergeCell ref="U21:X21"/>
    <mergeCell ref="U23:X23"/>
    <mergeCell ref="B96:L96"/>
    <mergeCell ref="J95:L95"/>
    <mergeCell ref="T95:Z95"/>
    <mergeCell ref="AA97:AG97"/>
    <mergeCell ref="AA99:AG99"/>
    <mergeCell ref="T96:Z96"/>
    <mergeCell ref="AA98:AG98"/>
    <mergeCell ref="T97:Z97"/>
    <mergeCell ref="AA100:AG100"/>
    <mergeCell ref="T98:Z98"/>
    <mergeCell ref="Y22:AC22"/>
    <mergeCell ref="Y23:AC23"/>
    <mergeCell ref="AD24:AG24"/>
    <mergeCell ref="Y24:AC24"/>
    <mergeCell ref="T104:Z104"/>
    <mergeCell ref="G125:K125"/>
    <mergeCell ref="G127:K127"/>
    <mergeCell ref="AA105:AG105"/>
    <mergeCell ref="B105:L105"/>
    <mergeCell ref="A116:F116"/>
    <mergeCell ref="A127:F127"/>
    <mergeCell ref="L123:P123"/>
    <mergeCell ref="U124:X124"/>
    <mergeCell ref="U123:X123"/>
    <mergeCell ref="A90:L90"/>
    <mergeCell ref="A91:L91"/>
    <mergeCell ref="A124:F124"/>
    <mergeCell ref="A118:F118"/>
    <mergeCell ref="AA104:AG104"/>
    <mergeCell ref="T109:Z109"/>
    <mergeCell ref="Q116:T118"/>
    <mergeCell ref="T93:Z93"/>
    <mergeCell ref="T106:Z106"/>
    <mergeCell ref="B102:L102"/>
    <mergeCell ref="B98:L98"/>
    <mergeCell ref="M102:S102"/>
    <mergeCell ref="B93:L93"/>
    <mergeCell ref="Q120:T120"/>
    <mergeCell ref="AD120:AG120"/>
    <mergeCell ref="Y120:AC120"/>
    <mergeCell ref="U119:X119"/>
    <mergeCell ref="U120:X120"/>
    <mergeCell ref="Y117:AC118"/>
    <mergeCell ref="Q119:T119"/>
    <mergeCell ref="M109:S109"/>
    <mergeCell ref="Y124:AC124"/>
    <mergeCell ref="M106:S106"/>
    <mergeCell ref="G122:K122"/>
    <mergeCell ref="L126:P126"/>
    <mergeCell ref="A126:F126"/>
    <mergeCell ref="I139:K139"/>
    <mergeCell ref="L139:O139"/>
    <mergeCell ref="P139:R139"/>
    <mergeCell ref="S139:U139"/>
    <mergeCell ref="V139:X139"/>
    <mergeCell ref="Y139:AA139"/>
    <mergeCell ref="AB139:AE139"/>
    <mergeCell ref="G116:K118"/>
    <mergeCell ref="P138:R138"/>
    <mergeCell ref="S138:U138"/>
    <mergeCell ref="V138:X138"/>
    <mergeCell ref="Y138:AA138"/>
    <mergeCell ref="AB138:AE138"/>
    <mergeCell ref="A139:H139"/>
    <mergeCell ref="AD121:AG121"/>
    <mergeCell ref="Q127:T127"/>
    <mergeCell ref="L127:P127"/>
    <mergeCell ref="AD127:AG127"/>
    <mergeCell ref="Y122:AC122"/>
    <mergeCell ref="L120:P120"/>
    <mergeCell ref="A136:H136"/>
    <mergeCell ref="P136:R136"/>
    <mergeCell ref="S136:U136"/>
    <mergeCell ref="V136:X136"/>
    <mergeCell ref="Y136:AA136"/>
    <mergeCell ref="A121:F121"/>
    <mergeCell ref="C107:L107"/>
    <mergeCell ref="G119:K119"/>
    <mergeCell ref="L140:O140"/>
    <mergeCell ref="P140:R140"/>
    <mergeCell ref="S140:U140"/>
    <mergeCell ref="V140:X140"/>
    <mergeCell ref="Y140:AA140"/>
    <mergeCell ref="AB140:AE140"/>
    <mergeCell ref="A132:H132"/>
    <mergeCell ref="I132:K132"/>
    <mergeCell ref="L132:AA132"/>
    <mergeCell ref="AB132:AE136"/>
    <mergeCell ref="I133:K136"/>
    <mergeCell ref="L133:O136"/>
    <mergeCell ref="P133:AA133"/>
    <mergeCell ref="P134:U135"/>
    <mergeCell ref="V134:AA135"/>
    <mergeCell ref="A138:H138"/>
    <mergeCell ref="A137:H137"/>
    <mergeCell ref="I137:K137"/>
    <mergeCell ref="L137:O137"/>
    <mergeCell ref="P137:R137"/>
    <mergeCell ref="S137:U137"/>
    <mergeCell ref="V137:X137"/>
    <mergeCell ref="Y137:AA137"/>
    <mergeCell ref="AB137:AE137"/>
    <mergeCell ref="A141:H141"/>
    <mergeCell ref="I141:K141"/>
    <mergeCell ref="L141:O141"/>
    <mergeCell ref="P141:R141"/>
    <mergeCell ref="S141:U141"/>
    <mergeCell ref="V141:X141"/>
    <mergeCell ref="Y141:AA141"/>
    <mergeCell ref="AB141:AE141"/>
    <mergeCell ref="A142:H142"/>
    <mergeCell ref="I142:K142"/>
    <mergeCell ref="L142:O142"/>
    <mergeCell ref="P142:R142"/>
    <mergeCell ref="S142:U142"/>
    <mergeCell ref="V142:X142"/>
    <mergeCell ref="Y142:AA142"/>
    <mergeCell ref="AB142:AE142"/>
    <mergeCell ref="A143:H143"/>
    <mergeCell ref="I143:K143"/>
    <mergeCell ref="L143:O143"/>
    <mergeCell ref="P143:R143"/>
    <mergeCell ref="S143:U143"/>
    <mergeCell ref="V143:X143"/>
    <mergeCell ref="Y143:AA143"/>
    <mergeCell ref="AB143:AE143"/>
    <mergeCell ref="A144:H144"/>
    <mergeCell ref="I144:K144"/>
    <mergeCell ref="L144:O144"/>
    <mergeCell ref="P144:R144"/>
    <mergeCell ref="S144:U144"/>
    <mergeCell ref="V144:X144"/>
    <mergeCell ref="Y144:AA144"/>
    <mergeCell ref="AB144:AE144"/>
    <mergeCell ref="A145:H145"/>
    <mergeCell ref="I145:K145"/>
    <mergeCell ref="L145:O145"/>
    <mergeCell ref="P145:R145"/>
    <mergeCell ref="S145:U145"/>
    <mergeCell ref="V145:X145"/>
    <mergeCell ref="Y145:AA145"/>
    <mergeCell ref="AB145:AE145"/>
    <mergeCell ref="A146:H146"/>
    <mergeCell ref="I146:K146"/>
    <mergeCell ref="L146:O146"/>
    <mergeCell ref="P146:R146"/>
    <mergeCell ref="S146:U146"/>
    <mergeCell ref="V146:X146"/>
    <mergeCell ref="Y146:AA146"/>
    <mergeCell ref="AB146:AE146"/>
    <mergeCell ref="A147:H147"/>
    <mergeCell ref="I147:K147"/>
    <mergeCell ref="L147:O147"/>
    <mergeCell ref="P147:R147"/>
    <mergeCell ref="S147:U147"/>
    <mergeCell ref="V147:X147"/>
    <mergeCell ref="Y147:AA147"/>
    <mergeCell ref="AB147:AE147"/>
    <mergeCell ref="A148:H148"/>
    <mergeCell ref="I148:K148"/>
    <mergeCell ref="L148:O148"/>
    <mergeCell ref="P148:R148"/>
    <mergeCell ref="S148:U148"/>
    <mergeCell ref="V148:X148"/>
    <mergeCell ref="Y148:AA148"/>
    <mergeCell ref="AB148:AE148"/>
    <mergeCell ref="A149:H149"/>
    <mergeCell ref="I149:K149"/>
    <mergeCell ref="L149:O149"/>
    <mergeCell ref="P149:R149"/>
    <mergeCell ref="S149:U149"/>
    <mergeCell ref="V149:X149"/>
    <mergeCell ref="Y149:AA149"/>
    <mergeCell ref="AB149:AE149"/>
    <mergeCell ref="A150:H150"/>
    <mergeCell ref="I150:K150"/>
    <mergeCell ref="L150:O150"/>
    <mergeCell ref="P150:R150"/>
    <mergeCell ref="S150:U150"/>
    <mergeCell ref="V150:X150"/>
    <mergeCell ref="Y150:AA150"/>
    <mergeCell ref="AB150:AE150"/>
    <mergeCell ref="A151:H151"/>
    <mergeCell ref="I151:K151"/>
    <mergeCell ref="L151:O151"/>
    <mergeCell ref="P151:R151"/>
    <mergeCell ref="S151:U151"/>
    <mergeCell ref="V151:X151"/>
    <mergeCell ref="Y151:AA151"/>
    <mergeCell ref="AB151:AE151"/>
    <mergeCell ref="A152:H152"/>
    <mergeCell ref="I152:K152"/>
    <mergeCell ref="L152:O152"/>
    <mergeCell ref="P152:R152"/>
    <mergeCell ref="S152:U152"/>
    <mergeCell ref="V152:X152"/>
    <mergeCell ref="Y152:AA152"/>
    <mergeCell ref="AB152:AE152"/>
    <mergeCell ref="A153:H153"/>
    <mergeCell ref="I153:K153"/>
    <mergeCell ref="L153:O153"/>
    <mergeCell ref="P153:R153"/>
    <mergeCell ref="S153:U153"/>
    <mergeCell ref="V153:X153"/>
    <mergeCell ref="Y153:AA153"/>
    <mergeCell ref="AB153:AE153"/>
    <mergeCell ref="A154:H154"/>
    <mergeCell ref="I154:K154"/>
    <mergeCell ref="L154:O154"/>
    <mergeCell ref="P154:R154"/>
    <mergeCell ref="S154:U154"/>
    <mergeCell ref="V154:X154"/>
    <mergeCell ref="Y154:AA154"/>
    <mergeCell ref="AB154:AE154"/>
    <mergeCell ref="A155:H155"/>
    <mergeCell ref="I155:K155"/>
    <mergeCell ref="L155:O155"/>
    <mergeCell ref="P155:R155"/>
    <mergeCell ref="S155:U155"/>
    <mergeCell ref="V155:X155"/>
    <mergeCell ref="Y155:AA155"/>
    <mergeCell ref="AB155:AE155"/>
    <mergeCell ref="A156:H156"/>
    <mergeCell ref="I156:K156"/>
    <mergeCell ref="L156:O156"/>
    <mergeCell ref="P156:R156"/>
    <mergeCell ref="S156:U156"/>
    <mergeCell ref="V156:X156"/>
    <mergeCell ref="Y156:AA156"/>
    <mergeCell ref="AB156:AE156"/>
    <mergeCell ref="A157:H157"/>
    <mergeCell ref="I157:K157"/>
    <mergeCell ref="L157:O157"/>
    <mergeCell ref="P157:R157"/>
    <mergeCell ref="S157:U157"/>
    <mergeCell ref="V157:X157"/>
    <mergeCell ref="Y157:AA157"/>
    <mergeCell ref="AB157:AE157"/>
    <mergeCell ref="A158:H158"/>
    <mergeCell ref="I158:K158"/>
    <mergeCell ref="L158:O158"/>
    <mergeCell ref="P158:R158"/>
    <mergeCell ref="S158:U158"/>
    <mergeCell ref="V158:X158"/>
    <mergeCell ref="Y158:AA158"/>
    <mergeCell ref="AB158:AE158"/>
    <mergeCell ref="A159:H159"/>
    <mergeCell ref="I159:K159"/>
    <mergeCell ref="L159:O159"/>
    <mergeCell ref="P159:R159"/>
    <mergeCell ref="S159:U159"/>
    <mergeCell ref="V159:X159"/>
    <mergeCell ref="Y159:AA159"/>
    <mergeCell ref="AB159:AE159"/>
    <mergeCell ref="A160:H160"/>
    <mergeCell ref="I160:K160"/>
    <mergeCell ref="L160:O160"/>
    <mergeCell ref="P160:R160"/>
    <mergeCell ref="S160:U160"/>
    <mergeCell ref="V160:X160"/>
    <mergeCell ref="Y160:AA160"/>
    <mergeCell ref="AB160:AE160"/>
    <mergeCell ref="A161:H161"/>
    <mergeCell ref="I161:K161"/>
    <mergeCell ref="L161:O161"/>
    <mergeCell ref="P161:R161"/>
    <mergeCell ref="S161:U161"/>
    <mergeCell ref="V161:X161"/>
    <mergeCell ref="Y161:AA161"/>
    <mergeCell ref="AB161:AE161"/>
    <mergeCell ref="A176:D176"/>
    <mergeCell ref="E176:H176"/>
    <mergeCell ref="I176:L176"/>
    <mergeCell ref="M176:P176"/>
    <mergeCell ref="O162:Q162"/>
    <mergeCell ref="S162:U162"/>
    <mergeCell ref="A166:D170"/>
    <mergeCell ref="E166:T166"/>
    <mergeCell ref="U166:Z170"/>
    <mergeCell ref="E167:H170"/>
    <mergeCell ref="I167:L170"/>
    <mergeCell ref="M167:P170"/>
    <mergeCell ref="Q167:T170"/>
    <mergeCell ref="A171:D171"/>
    <mergeCell ref="E171:H171"/>
    <mergeCell ref="I171:L171"/>
    <mergeCell ref="M171:P171"/>
    <mergeCell ref="Q171:T171"/>
    <mergeCell ref="U171:Z171"/>
    <mergeCell ref="A172:D172"/>
    <mergeCell ref="E172:H172"/>
    <mergeCell ref="I172:L172"/>
    <mergeCell ref="M172:P172"/>
    <mergeCell ref="Q172:T172"/>
    <mergeCell ref="U172:Z172"/>
    <mergeCell ref="A173:D173"/>
    <mergeCell ref="E173:H173"/>
    <mergeCell ref="I173:L173"/>
    <mergeCell ref="M173:P173"/>
    <mergeCell ref="Q173:T173"/>
    <mergeCell ref="U173:Z173"/>
    <mergeCell ref="A174:D174"/>
    <mergeCell ref="E174:H174"/>
    <mergeCell ref="I174:L174"/>
    <mergeCell ref="M174:P174"/>
    <mergeCell ref="Q174:T174"/>
    <mergeCell ref="U174:Z174"/>
    <mergeCell ref="A175:D175"/>
    <mergeCell ref="E175:H175"/>
    <mergeCell ref="I175:L175"/>
    <mergeCell ref="M175:P175"/>
    <mergeCell ref="Q175:T175"/>
    <mergeCell ref="U175:Z175"/>
    <mergeCell ref="Q176:T176"/>
    <mergeCell ref="U176:Z176"/>
    <mergeCell ref="A177:D177"/>
    <mergeCell ref="E177:H177"/>
    <mergeCell ref="I177:L177"/>
    <mergeCell ref="M177:P177"/>
    <mergeCell ref="Q177:T177"/>
    <mergeCell ref="U177:Z177"/>
    <mergeCell ref="A178:D178"/>
    <mergeCell ref="E178:H178"/>
    <mergeCell ref="I178:L178"/>
    <mergeCell ref="M178:P178"/>
    <mergeCell ref="Q178:T178"/>
    <mergeCell ref="U178:Z178"/>
    <mergeCell ref="Q180:T180"/>
    <mergeCell ref="U180:Z180"/>
    <mergeCell ref="A181:D181"/>
    <mergeCell ref="E181:H181"/>
    <mergeCell ref="I181:L181"/>
    <mergeCell ref="M181:P181"/>
    <mergeCell ref="Q181:T181"/>
    <mergeCell ref="U181:Z181"/>
    <mergeCell ref="A179:D179"/>
    <mergeCell ref="E179:H179"/>
    <mergeCell ref="I179:L179"/>
    <mergeCell ref="M179:P179"/>
    <mergeCell ref="Q179:T179"/>
    <mergeCell ref="U179:Z179"/>
    <mergeCell ref="A180:D180"/>
    <mergeCell ref="E180:H180"/>
    <mergeCell ref="I180:L180"/>
    <mergeCell ref="M180:P180"/>
    <mergeCell ref="Q182:T182"/>
    <mergeCell ref="U182:Z182"/>
    <mergeCell ref="A183:D183"/>
    <mergeCell ref="E183:H183"/>
    <mergeCell ref="I183:L183"/>
    <mergeCell ref="M183:P183"/>
    <mergeCell ref="Q183:T183"/>
    <mergeCell ref="U183:Z183"/>
    <mergeCell ref="A184:D184"/>
    <mergeCell ref="E184:H184"/>
    <mergeCell ref="I184:L184"/>
    <mergeCell ref="M184:P184"/>
    <mergeCell ref="Q184:T184"/>
    <mergeCell ref="U184:Z184"/>
    <mergeCell ref="A182:D182"/>
    <mergeCell ref="E182:H182"/>
    <mergeCell ref="I182:L182"/>
    <mergeCell ref="M182:P182"/>
    <mergeCell ref="Q186:T186"/>
    <mergeCell ref="U186:Z186"/>
    <mergeCell ref="A187:D187"/>
    <mergeCell ref="E187:H187"/>
    <mergeCell ref="I187:L187"/>
    <mergeCell ref="M187:P187"/>
    <mergeCell ref="Q187:T187"/>
    <mergeCell ref="U187:Z187"/>
    <mergeCell ref="A185:D185"/>
    <mergeCell ref="E185:H185"/>
    <mergeCell ref="I185:L185"/>
    <mergeCell ref="M185:P185"/>
    <mergeCell ref="Q185:T185"/>
    <mergeCell ref="U185:Z185"/>
    <mergeCell ref="A186:D186"/>
    <mergeCell ref="E186:H186"/>
    <mergeCell ref="I186:L186"/>
    <mergeCell ref="M186:P186"/>
    <mergeCell ref="U188:Z188"/>
    <mergeCell ref="A189:D189"/>
    <mergeCell ref="E189:H189"/>
    <mergeCell ref="I189:L189"/>
    <mergeCell ref="M189:P189"/>
    <mergeCell ref="Q189:T189"/>
    <mergeCell ref="U189:Z189"/>
    <mergeCell ref="A190:D190"/>
    <mergeCell ref="E190:H190"/>
    <mergeCell ref="I190:L190"/>
    <mergeCell ref="M190:P190"/>
    <mergeCell ref="Q190:T190"/>
    <mergeCell ref="U190:Z190"/>
    <mergeCell ref="A188:D188"/>
    <mergeCell ref="E188:H188"/>
    <mergeCell ref="I188:L188"/>
    <mergeCell ref="M188:P188"/>
    <mergeCell ref="Q188:T188"/>
    <mergeCell ref="M192:P192"/>
    <mergeCell ref="Q192:T192"/>
    <mergeCell ref="U192:Z192"/>
    <mergeCell ref="A193:D193"/>
    <mergeCell ref="E193:H193"/>
    <mergeCell ref="I193:L193"/>
    <mergeCell ref="M193:P193"/>
    <mergeCell ref="Q193:T193"/>
    <mergeCell ref="U193:Z193"/>
    <mergeCell ref="A191:D191"/>
    <mergeCell ref="E191:H191"/>
    <mergeCell ref="I191:L191"/>
    <mergeCell ref="M191:P191"/>
    <mergeCell ref="Q191:T191"/>
    <mergeCell ref="U191:Z191"/>
    <mergeCell ref="A192:D192"/>
    <mergeCell ref="E192:H192"/>
    <mergeCell ref="I192:L192"/>
    <mergeCell ref="A194:D194"/>
    <mergeCell ref="E194:H194"/>
    <mergeCell ref="I194:L194"/>
    <mergeCell ref="M194:P194"/>
    <mergeCell ref="Q194:T194"/>
    <mergeCell ref="U194:Z194"/>
    <mergeCell ref="A195:D195"/>
    <mergeCell ref="E195:H195"/>
    <mergeCell ref="I195:L195"/>
    <mergeCell ref="M195:P195"/>
    <mergeCell ref="Q195:T195"/>
    <mergeCell ref="U195:Z195"/>
    <mergeCell ref="A197:C197"/>
    <mergeCell ref="A213:K213"/>
    <mergeCell ref="E206:F206"/>
    <mergeCell ref="Y203:AB203"/>
    <mergeCell ref="AC203:AF203"/>
    <mergeCell ref="O206:P206"/>
    <mergeCell ref="A198:AG198"/>
    <mergeCell ref="Q203:T203"/>
    <mergeCell ref="E201:J202"/>
    <mergeCell ref="A203:D203"/>
    <mergeCell ref="I205:J205"/>
    <mergeCell ref="U203:X203"/>
    <mergeCell ref="K203:L203"/>
    <mergeCell ref="M204:N204"/>
    <mergeCell ref="G205:H205"/>
    <mergeCell ref="M205:N205"/>
    <mergeCell ref="A205:D205"/>
    <mergeCell ref="G206:H206"/>
    <mergeCell ref="K201:P202"/>
    <mergeCell ref="AC206:AF206"/>
  </mergeCells>
  <phoneticPr fontId="2"/>
  <printOptions horizontalCentered="1"/>
  <pageMargins left="0.78740157480314965" right="0.78740157480314965" top="0.78740157480314965" bottom="0.78740157480314965" header="0.51181102362204722" footer="0.39370078740157483"/>
  <pageSetup paperSize="9" scale="85" firstPageNumber="34" orientation="portrait" useFirstPageNumber="1" r:id="rId2"/>
  <headerFooter alignWithMargins="0">
    <oddFooter>&amp;C&amp;10- &amp;P -</oddFooter>
  </headerFooter>
  <rowBreaks count="13" manualBreakCount="13">
    <brk id="30" max="16383" man="1"/>
    <brk id="58" max="33" man="1"/>
    <brk id="85" max="33" man="1"/>
    <brk id="113" max="33" man="1"/>
    <brk id="129" max="33" man="1"/>
    <brk id="163" max="33" man="1"/>
    <brk id="197" max="33" man="1"/>
    <brk id="247" max="33" man="1"/>
    <brk id="303" max="33" man="1"/>
    <brk id="341" max="33" man="1"/>
    <brk id="380" max="33" man="1"/>
    <brk id="429" max="33" man="1"/>
    <brk id="473" max="33" man="1"/>
  </rowBreaks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産業・経済</vt:lpstr>
      <vt:lpstr>産業・経済!Print_Area</vt:lpstr>
    </vt:vector>
  </TitlesOfParts>
  <Manager/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佐藤　勇太</dc:creator>
  <cp:keywords/>
  <dc:description/>
  <cp:lastModifiedBy>京田辺市役所</cp:lastModifiedBy>
  <cp:revision>0</cp:revision>
  <cp:lastPrinted>2024-02-16T06:10:12Z</cp:lastPrinted>
  <dcterms:created xsi:type="dcterms:W3CDTF">1601-01-01T00:00:00Z</dcterms:created>
  <dcterms:modified xsi:type="dcterms:W3CDTF">2026-03-21T07:05:13Z</dcterms:modified>
  <cp:category/>
</cp:coreProperties>
</file>